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13_R8.03.13 共通二次【合格者数】\00_【原稿】\"/>
    </mc:Choice>
  </mc:AlternateContent>
  <xr:revisionPtr revIDLastSave="0" documentId="13_ncr:1_{948ECF62-CE06-4C12-8C33-3FE4B13B7096}" xr6:coauthVersionLast="47" xr6:coauthVersionMax="47" xr10:uidLastSave="{00000000-0000-0000-0000-000000000000}"/>
  <bookViews>
    <workbookView xWindow="-120" yWindow="-120" windowWidth="29040" windowHeight="15720" xr2:uid="{810E90F2-C9A8-46E2-A060-A1724DC604E7}"/>
  </bookViews>
  <sheets>
    <sheet name="別紙２" sheetId="1" r:id="rId1"/>
  </sheets>
  <definedNames>
    <definedName name="_xlnm.Print_Area" localSheetId="0">別紙２!$C$1:$L$15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95" uniqueCount="124">
  <si>
    <t>令和８年度神奈川県公立高等学校入学者選抜一般募集共通選抜及びインクルーシブ教育実践推進校特別
募集二次募集合格状況（各学校、学科別の合格の状況）</t>
    <rPh sb="53" eb="55">
      <t>ゴウカク</t>
    </rPh>
    <rPh sb="55" eb="57">
      <t>ジョウキョウ</t>
    </rPh>
    <rPh sb="66" eb="68">
      <t>ゴウカク</t>
    </rPh>
    <phoneticPr fontId="2"/>
  </si>
  <si>
    <t>※　志願者がいなかった学校については、合格者数等を「-」で表しています。</t>
    <rPh sb="2" eb="5">
      <t>シガンシャ</t>
    </rPh>
    <rPh sb="11" eb="13">
      <t>ガッコウ</t>
    </rPh>
    <rPh sb="19" eb="22">
      <t>ゴウカクシャ</t>
    </rPh>
    <rPh sb="22" eb="23">
      <t>スウ</t>
    </rPh>
    <rPh sb="23" eb="24">
      <t>トウ</t>
    </rPh>
    <rPh sb="29" eb="30">
      <t>アラワ</t>
    </rPh>
    <phoneticPr fontId="2"/>
  </si>
  <si>
    <t>1　一般募集共通選抜</t>
    <phoneticPr fontId="2"/>
  </si>
  <si>
    <t>(1)</t>
    <phoneticPr fontId="2"/>
  </si>
  <si>
    <t>　全日制の課程</t>
    <rPh sb="1" eb="4">
      <t>ゼンニチセイ</t>
    </rPh>
    <rPh sb="5" eb="7">
      <t>カテイ</t>
    </rPh>
    <phoneticPr fontId="2"/>
  </si>
  <si>
    <t>ア　普通科　（クリエイティブスクールを除く。）</t>
    <rPh sb="2" eb="4">
      <t>フツウ</t>
    </rPh>
    <rPh sb="4" eb="5">
      <t>カ</t>
    </rPh>
    <rPh sb="19" eb="20">
      <t>ノゾ</t>
    </rPh>
    <phoneticPr fontId="2"/>
  </si>
  <si>
    <t xml:space="preserve"> 学 校 名</t>
    <rPh sb="1" eb="2">
      <t>ガク</t>
    </rPh>
    <rPh sb="3" eb="4">
      <t>コウ</t>
    </rPh>
    <rPh sb="5" eb="6">
      <t>ナ</t>
    </rPh>
    <phoneticPr fontId="2"/>
  </si>
  <si>
    <t xml:space="preserve"> 学 科 名</t>
    <rPh sb="1" eb="2">
      <t>ガク</t>
    </rPh>
    <rPh sb="3" eb="4">
      <t>カ</t>
    </rPh>
    <rPh sb="5" eb="6">
      <t>メイ</t>
    </rPh>
    <phoneticPr fontId="2"/>
  </si>
  <si>
    <t>二次募集
募集人員</t>
    <rPh sb="0" eb="4">
      <t>ニジボシュウ</t>
    </rPh>
    <rPh sb="5" eb="7">
      <t>ボシュウ</t>
    </rPh>
    <rPh sb="7" eb="9">
      <t>ジンイン</t>
    </rPh>
    <phoneticPr fontId="5"/>
  </si>
  <si>
    <t>２月27日以降
共通選抜
入学辞退者数</t>
    <rPh sb="1" eb="2">
      <t>ガツ</t>
    </rPh>
    <rPh sb="4" eb="7">
      <t>ニチイコウ</t>
    </rPh>
    <rPh sb="5" eb="7">
      <t>イコウ</t>
    </rPh>
    <rPh sb="8" eb="10">
      <t>キョウツウ</t>
    </rPh>
    <rPh sb="10" eb="12">
      <t>センバツ</t>
    </rPh>
    <rPh sb="13" eb="15">
      <t>ニュウガク</t>
    </rPh>
    <rPh sb="15" eb="17">
      <t>ジタイ</t>
    </rPh>
    <rPh sb="17" eb="18">
      <t>シャ</t>
    </rPh>
    <rPh sb="18" eb="19">
      <t>スウ</t>
    </rPh>
    <phoneticPr fontId="5"/>
  </si>
  <si>
    <t>受検者数
（Ａ）</t>
    <rPh sb="0" eb="2">
      <t>ジュケン</t>
    </rPh>
    <rPh sb="2" eb="3">
      <t>シャ</t>
    </rPh>
    <rPh sb="3" eb="4">
      <t>スウ</t>
    </rPh>
    <phoneticPr fontId="5"/>
  </si>
  <si>
    <t>合格者数
（Ｂ）</t>
    <rPh sb="0" eb="3">
      <t>ゴウカクシャ</t>
    </rPh>
    <rPh sb="3" eb="4">
      <t>スウ</t>
    </rPh>
    <phoneticPr fontId="5"/>
  </si>
  <si>
    <t>受検後
取消者数
（Ｃ）</t>
    <rPh sb="0" eb="2">
      <t>ジュケン</t>
    </rPh>
    <rPh sb="2" eb="3">
      <t>ゴ</t>
    </rPh>
    <rPh sb="4" eb="6">
      <t>トリケシ</t>
    </rPh>
    <rPh sb="6" eb="7">
      <t>シャ</t>
    </rPh>
    <rPh sb="7" eb="8">
      <t>スウ</t>
    </rPh>
    <phoneticPr fontId="5"/>
  </si>
  <si>
    <r>
      <t xml:space="preserve">競争率
</t>
    </r>
    <r>
      <rPr>
        <sz val="9"/>
        <color indexed="8"/>
        <rFont val="ＭＳ Ｐ明朝"/>
        <family val="1"/>
        <charset val="128"/>
      </rPr>
      <t>(Ａ－Ｃ)／Ｂ</t>
    </r>
    <rPh sb="0" eb="3">
      <t>キョウソウリツ</t>
    </rPh>
    <phoneticPr fontId="5"/>
  </si>
  <si>
    <t>県立白山</t>
  </si>
  <si>
    <t>普通科</t>
  </si>
  <si>
    <t>県立二俣川</t>
  </si>
  <si>
    <t>県立舞岡</t>
  </si>
  <si>
    <t>県立川崎北</t>
  </si>
  <si>
    <t>県立百合丘</t>
  </si>
  <si>
    <t>県立菅</t>
  </si>
  <si>
    <t>県立麻生</t>
  </si>
  <si>
    <t>県立寒川</t>
  </si>
  <si>
    <t>県立二宮</t>
  </si>
  <si>
    <t>県立秦野曽屋</t>
  </si>
  <si>
    <t>県立小田原東</t>
  </si>
  <si>
    <t>県立西湘</t>
  </si>
  <si>
    <t>県立足柄</t>
  </si>
  <si>
    <t>県立山北</t>
  </si>
  <si>
    <t>県立厚木西</t>
  </si>
  <si>
    <t>県立愛川</t>
  </si>
  <si>
    <t>県立大和南</t>
  </si>
  <si>
    <t>県立綾瀬西</t>
  </si>
  <si>
    <t>県立相模田名</t>
  </si>
  <si>
    <t>県立津久井</t>
  </si>
  <si>
    <t>計</t>
    <rPh sb="0" eb="1">
      <t>ケイ</t>
    </rPh>
    <phoneticPr fontId="2"/>
  </si>
  <si>
    <t>イ　普通科クリエイティブスクール</t>
    <rPh sb="2" eb="4">
      <t>フツウ</t>
    </rPh>
    <rPh sb="4" eb="5">
      <t>カ</t>
    </rPh>
    <phoneticPr fontId="2"/>
  </si>
  <si>
    <t>県立釜利谷</t>
  </si>
  <si>
    <t>普通科クリエイティブスクール</t>
  </si>
  <si>
    <t>県立横須賀南</t>
  </si>
  <si>
    <t>県立小田原北</t>
  </si>
  <si>
    <t>県立大和東</t>
  </si>
  <si>
    <t>ウ　専門学科</t>
    <rPh sb="2" eb="4">
      <t>センモン</t>
    </rPh>
    <rPh sb="4" eb="6">
      <t>ガッカ</t>
    </rPh>
    <phoneticPr fontId="2"/>
  </si>
  <si>
    <t>県立中央農業</t>
  </si>
  <si>
    <t>園芸科学科</t>
  </si>
  <si>
    <t>農業総合科</t>
  </si>
  <si>
    <t>県立商工</t>
  </si>
  <si>
    <t>総合技術科</t>
  </si>
  <si>
    <t>県立磯子工業</t>
  </si>
  <si>
    <t>機械科</t>
  </si>
  <si>
    <t>化学科</t>
  </si>
  <si>
    <t>県立向の岡工業</t>
  </si>
  <si>
    <t>建設科</t>
  </si>
  <si>
    <t>電気科</t>
  </si>
  <si>
    <t>県立横須賀工業</t>
  </si>
  <si>
    <t>県立平塚工科</t>
  </si>
  <si>
    <t>県立藤沢工科</t>
  </si>
  <si>
    <t>デザイン科</t>
  </si>
  <si>
    <t>総合ビジネス科</t>
  </si>
  <si>
    <t>県立海洋科学</t>
  </si>
  <si>
    <t>水産食品科</t>
  </si>
  <si>
    <t>生物環境科</t>
  </si>
  <si>
    <t>福祉科</t>
  </si>
  <si>
    <t>美術科</t>
  </si>
  <si>
    <t>川崎市立川崎総合科学</t>
  </si>
  <si>
    <t>情報工学科</t>
  </si>
  <si>
    <t>総合電気科</t>
  </si>
  <si>
    <t>電子機械科</t>
  </si>
  <si>
    <t>川崎市立川崎</t>
  </si>
  <si>
    <t>生活科学科</t>
  </si>
  <si>
    <t>エ　単位制普通科</t>
    <rPh sb="2" eb="5">
      <t>タンイセイ</t>
    </rPh>
    <rPh sb="5" eb="8">
      <t>フツウカ</t>
    </rPh>
    <phoneticPr fontId="2"/>
  </si>
  <si>
    <t>県立横浜緑園</t>
  </si>
  <si>
    <t>単位制普通科</t>
  </si>
  <si>
    <t>県立横浜桜陽</t>
  </si>
  <si>
    <t>県立大師</t>
  </si>
  <si>
    <t>県立三浦初声</t>
  </si>
  <si>
    <t>県立平塚湘風</t>
  </si>
  <si>
    <t>県立相模原城山</t>
  </si>
  <si>
    <t>オ　単位制普通科専門コース　　該当校なし</t>
    <rPh sb="2" eb="5">
      <t>タンイセイ</t>
    </rPh>
    <rPh sb="5" eb="8">
      <t>フツウカ</t>
    </rPh>
    <rPh sb="8" eb="10">
      <t>センモン</t>
    </rPh>
    <phoneticPr fontId="11"/>
  </si>
  <si>
    <t>カ　単位制総合学科　（クリエイティブスクールを除く。）</t>
    <rPh sb="2" eb="5">
      <t>タンイセイ</t>
    </rPh>
    <rPh sb="5" eb="7">
      <t>ソウゴウ</t>
    </rPh>
    <rPh sb="7" eb="9">
      <t>ガッカ</t>
    </rPh>
    <phoneticPr fontId="2"/>
  </si>
  <si>
    <t>県立秦野総合</t>
  </si>
  <si>
    <t>単位制総合学科</t>
  </si>
  <si>
    <t>県立座間総合</t>
  </si>
  <si>
    <t>キ　単位制総合学科クリエイティブスクール</t>
    <rPh sb="2" eb="5">
      <t>タンイセイ</t>
    </rPh>
    <rPh sb="5" eb="9">
      <t>ソウゴウガッカ</t>
    </rPh>
    <phoneticPr fontId="2"/>
  </si>
  <si>
    <t>県立青葉総合</t>
  </si>
  <si>
    <t>単位制総合学科クリエイティブスクール</t>
  </si>
  <si>
    <t>ク　単位制専門学科</t>
    <rPh sb="2" eb="5">
      <t>タンイセイ</t>
    </rPh>
    <rPh sb="5" eb="7">
      <t>センモン</t>
    </rPh>
    <rPh sb="7" eb="9">
      <t>ガッカ</t>
    </rPh>
    <phoneticPr fontId="2"/>
  </si>
  <si>
    <t>単位制都市農業科</t>
  </si>
  <si>
    <t>県立吉田島</t>
  </si>
  <si>
    <t>単位制食品加工科</t>
  </si>
  <si>
    <t>単位制環境緑地科</t>
  </si>
  <si>
    <t>単位制生活科学科</t>
  </si>
  <si>
    <t>県立神奈川総合産業</t>
  </si>
  <si>
    <t>単位制総合産業科</t>
  </si>
  <si>
    <t>(2)</t>
    <phoneticPr fontId="2"/>
  </si>
  <si>
    <t>　定時制の課程</t>
    <rPh sb="1" eb="3">
      <t>テイジ</t>
    </rPh>
    <rPh sb="3" eb="4">
      <t>セイ</t>
    </rPh>
    <rPh sb="5" eb="7">
      <t>カテイ</t>
    </rPh>
    <phoneticPr fontId="2"/>
  </si>
  <si>
    <t>ア　普通科</t>
    <rPh sb="2" eb="4">
      <t>フツウ</t>
    </rPh>
    <rPh sb="4" eb="5">
      <t>カ</t>
    </rPh>
    <phoneticPr fontId="2"/>
  </si>
  <si>
    <t xml:space="preserve"> 学 科・部 名</t>
    <rPh sb="1" eb="2">
      <t>ガク</t>
    </rPh>
    <rPh sb="3" eb="4">
      <t>カ</t>
    </rPh>
    <rPh sb="5" eb="6">
      <t>ブ</t>
    </rPh>
    <rPh sb="7" eb="8">
      <t>メイ</t>
    </rPh>
    <phoneticPr fontId="2"/>
  </si>
  <si>
    <t>普通科昼間部</t>
  </si>
  <si>
    <t>イ　単位制普通科</t>
    <rPh sb="2" eb="5">
      <t>タンイセイ</t>
    </rPh>
    <rPh sb="5" eb="7">
      <t>フツウ</t>
    </rPh>
    <rPh sb="7" eb="8">
      <t>カ</t>
    </rPh>
    <phoneticPr fontId="2"/>
  </si>
  <si>
    <t xml:space="preserve"> 学 科・部 名</t>
    <rPh sb="1" eb="2">
      <t>ガク</t>
    </rPh>
    <rPh sb="3" eb="4">
      <t>カ</t>
    </rPh>
    <rPh sb="5" eb="6">
      <t>ブ</t>
    </rPh>
    <rPh sb="7" eb="8">
      <t>ナ</t>
    </rPh>
    <phoneticPr fontId="2"/>
  </si>
  <si>
    <t>県立横浜明朋</t>
  </si>
  <si>
    <t>単位制普通科午前部</t>
  </si>
  <si>
    <t>単位制普通科午後部</t>
  </si>
  <si>
    <t>県立川崎</t>
  </si>
  <si>
    <t>県立厚木清南</t>
  </si>
  <si>
    <t>県立相模向陽館</t>
  </si>
  <si>
    <t>ウ　単位制総合学科</t>
    <rPh sb="2" eb="5">
      <t>タンイセイ</t>
    </rPh>
    <rPh sb="5" eb="7">
      <t>ソウゴウ</t>
    </rPh>
    <rPh sb="7" eb="9">
      <t>ガッカ</t>
    </rPh>
    <phoneticPr fontId="2"/>
  </si>
  <si>
    <t>横浜市立横浜総合</t>
  </si>
  <si>
    <t>単位制総合学科Ⅱ部</t>
  </si>
  <si>
    <t>単位制総合学科Ⅲ部</t>
  </si>
  <si>
    <t>２　インクルーシブ教育実践推進校特別募集</t>
    <phoneticPr fontId="2"/>
  </si>
  <si>
    <t>県立城郷</t>
  </si>
  <si>
    <t>県立横浜南陵</t>
  </si>
  <si>
    <t>県立保土ケ谷</t>
  </si>
  <si>
    <t>県立霧が丘</t>
  </si>
  <si>
    <t>県立上矢部</t>
  </si>
  <si>
    <t>県立上鶴間</t>
  </si>
  <si>
    <t>県立津久井浜</t>
  </si>
  <si>
    <t>県立湘南台</t>
  </si>
  <si>
    <t>県立茅ケ崎</t>
  </si>
  <si>
    <t>県立伊勢原</t>
  </si>
  <si>
    <t>県立綾瀬</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0.00_ "/>
    <numFmt numFmtId="178" formatCode="0_);[Red]\(0\)"/>
    <numFmt numFmtId="179" formatCode="0.00_);[Red]\(0.00\)"/>
  </numFmts>
  <fonts count="12" x14ac:knownFonts="1">
    <font>
      <sz val="11"/>
      <name val="ＭＳ Ｐゴシック"/>
      <family val="3"/>
      <charset val="128"/>
    </font>
    <font>
      <sz val="11"/>
      <color theme="1"/>
      <name val="ＭＳ Ｐ明朝"/>
      <family val="1"/>
      <charset val="128"/>
    </font>
    <font>
      <sz val="6"/>
      <name val="ＭＳ Ｐゴシック"/>
      <family val="3"/>
      <charset val="128"/>
    </font>
    <font>
      <sz val="14"/>
      <color theme="1"/>
      <name val="ＭＳ Ｐ明朝"/>
      <family val="1"/>
      <charset val="128"/>
    </font>
    <font>
      <sz val="11"/>
      <name val="ＭＳ 明朝"/>
      <family val="1"/>
      <charset val="128"/>
    </font>
    <font>
      <sz val="11"/>
      <color indexed="8"/>
      <name val="ＭＳ 明朝"/>
      <family val="1"/>
      <charset val="128"/>
    </font>
    <font>
      <sz val="9"/>
      <color theme="1"/>
      <name val="ＭＳ Ｐ明朝"/>
      <family val="1"/>
      <charset val="128"/>
    </font>
    <font>
      <sz val="9"/>
      <color indexed="8"/>
      <name val="ＭＳ Ｐ明朝"/>
      <family val="1"/>
      <charset val="128"/>
    </font>
    <font>
      <sz val="10.5"/>
      <name val="ＭＳ 明朝"/>
      <family val="1"/>
      <charset val="128"/>
    </font>
    <font>
      <b/>
      <sz val="11"/>
      <color theme="1"/>
      <name val="ＭＳ Ｐ明朝"/>
      <family val="1"/>
      <charset val="128"/>
    </font>
    <font>
      <sz val="10"/>
      <color theme="1"/>
      <name val="ＭＳ Ｐ明朝"/>
      <family val="1"/>
      <charset val="128"/>
    </font>
    <font>
      <sz val="11"/>
      <color indexed="8"/>
      <name val="ＭＳ Ｐゴシック"/>
      <family val="3"/>
      <charset val="128"/>
    </font>
  </fonts>
  <fills count="2">
    <fill>
      <patternFill patternType="none"/>
    </fill>
    <fill>
      <patternFill patternType="gray125"/>
    </fill>
  </fills>
  <borders count="3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style="thin">
        <color indexed="64"/>
      </left>
      <right/>
      <top style="thin">
        <color indexed="64"/>
      </top>
      <bottom/>
      <diagonal/>
    </border>
    <border>
      <left/>
      <right/>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right style="thin">
        <color indexed="64"/>
      </right>
      <top style="hair">
        <color indexed="64"/>
      </top>
      <bottom style="hair">
        <color indexed="64"/>
      </bottom>
      <diagonal/>
    </border>
    <border>
      <left/>
      <right style="thin">
        <color indexed="64"/>
      </right>
      <top style="thin">
        <color indexed="64"/>
      </top>
      <bottom style="hair">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right/>
      <top style="hair">
        <color indexed="64"/>
      </top>
      <bottom/>
      <diagonal/>
    </border>
    <border>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bottom style="thin">
        <color indexed="64"/>
      </bottom>
      <diagonal/>
    </border>
  </borders>
  <cellStyleXfs count="1">
    <xf numFmtId="0" fontId="0" fillId="0" borderId="0"/>
  </cellStyleXfs>
  <cellXfs count="88">
    <xf numFmtId="0" fontId="0" fillId="0" borderId="0" xfId="0"/>
    <xf numFmtId="0" fontId="1" fillId="0" borderId="0" xfId="0" quotePrefix="1" applyFont="1" applyAlignment="1">
      <alignment horizontal="center" vertical="center"/>
    </xf>
    <xf numFmtId="0" fontId="3" fillId="0" borderId="0" xfId="0" applyFont="1" applyAlignment="1">
      <alignment horizontal="left" vertical="center" wrapText="1"/>
    </xf>
    <xf numFmtId="0" fontId="1" fillId="0" borderId="0" xfId="0" applyFont="1" applyAlignment="1">
      <alignment vertical="center"/>
    </xf>
    <xf numFmtId="0" fontId="1" fillId="0" borderId="0" xfId="0" quotePrefix="1" applyFont="1" applyAlignment="1">
      <alignment vertical="center"/>
    </xf>
    <xf numFmtId="0" fontId="1" fillId="0" borderId="0" xfId="0" applyFont="1"/>
    <xf numFmtId="0" fontId="1" fillId="0" borderId="0" xfId="0" applyFont="1" applyAlignment="1">
      <alignment horizontal="left" vertical="center"/>
    </xf>
    <xf numFmtId="0" fontId="1" fillId="0" borderId="0" xfId="0" quotePrefix="1" applyFont="1" applyAlignment="1">
      <alignment horizontal="left" vertical="center"/>
    </xf>
    <xf numFmtId="0" fontId="1" fillId="0" borderId="0" xfId="0" quotePrefix="1" applyFont="1" applyAlignment="1">
      <alignment horizontal="center"/>
    </xf>
    <xf numFmtId="0" fontId="1" fillId="0" borderId="1" xfId="0" applyFont="1" applyBorder="1" applyAlignment="1">
      <alignment vertical="center"/>
    </xf>
    <xf numFmtId="0" fontId="1" fillId="0" borderId="2" xfId="0" applyFont="1" applyBorder="1" applyAlignment="1">
      <alignment vertical="center"/>
    </xf>
    <xf numFmtId="0" fontId="1" fillId="0" borderId="3" xfId="0" applyFont="1" applyBorder="1" applyAlignment="1">
      <alignment vertical="center"/>
    </xf>
    <xf numFmtId="0" fontId="1" fillId="0" borderId="4" xfId="0" applyFont="1" applyBorder="1" applyAlignment="1">
      <alignment horizontal="center" vertical="center" wrapText="1"/>
    </xf>
    <xf numFmtId="0" fontId="6" fillId="0" borderId="4" xfId="0" applyFont="1" applyBorder="1" applyAlignment="1">
      <alignment horizontal="center" vertical="center" wrapText="1"/>
    </xf>
    <xf numFmtId="0" fontId="1" fillId="0" borderId="5" xfId="0" applyFont="1" applyBorder="1"/>
    <xf numFmtId="0" fontId="1" fillId="0" borderId="6" xfId="0" applyFont="1" applyBorder="1"/>
    <xf numFmtId="176" fontId="1" fillId="0" borderId="7" xfId="0" applyNumberFormat="1" applyFont="1" applyBorder="1"/>
    <xf numFmtId="176" fontId="1" fillId="0" borderId="7" xfId="0" applyNumberFormat="1" applyFont="1" applyBorder="1" applyAlignment="1">
      <alignment horizontal="right"/>
    </xf>
    <xf numFmtId="177" fontId="1" fillId="0" borderId="7" xfId="0" applyNumberFormat="1" applyFont="1" applyBorder="1" applyAlignment="1">
      <alignment horizontal="right"/>
    </xf>
    <xf numFmtId="0" fontId="1" fillId="0" borderId="8" xfId="0" applyFont="1" applyBorder="1"/>
    <xf numFmtId="0" fontId="1" fillId="0" borderId="9" xfId="0" applyFont="1" applyBorder="1"/>
    <xf numFmtId="176" fontId="1" fillId="0" borderId="10" xfId="0" applyNumberFormat="1" applyFont="1" applyBorder="1"/>
    <xf numFmtId="176" fontId="1" fillId="0" borderId="10" xfId="0" applyNumberFormat="1" applyFont="1" applyBorder="1" applyAlignment="1">
      <alignment horizontal="right"/>
    </xf>
    <xf numFmtId="177" fontId="1" fillId="0" borderId="10" xfId="0" applyNumberFormat="1" applyFont="1" applyBorder="1" applyAlignment="1">
      <alignment horizontal="right"/>
    </xf>
    <xf numFmtId="0" fontId="8" fillId="0" borderId="11" xfId="0" applyFont="1" applyBorder="1"/>
    <xf numFmtId="0" fontId="9" fillId="0" borderId="1" xfId="0" applyFont="1" applyBorder="1" applyAlignment="1">
      <alignment horizontal="center" vertical="center"/>
    </xf>
    <xf numFmtId="0" fontId="9" fillId="0" borderId="2" xfId="0" applyFont="1" applyBorder="1" applyAlignment="1">
      <alignment horizontal="center" vertical="center"/>
    </xf>
    <xf numFmtId="0" fontId="9" fillId="0" borderId="3" xfId="0" applyFont="1" applyBorder="1" applyAlignment="1">
      <alignment horizontal="center" vertical="center"/>
    </xf>
    <xf numFmtId="176" fontId="9" fillId="0" borderId="4" xfId="0" applyNumberFormat="1" applyFont="1" applyBorder="1" applyAlignment="1">
      <alignment vertical="center"/>
    </xf>
    <xf numFmtId="176" fontId="9" fillId="0" borderId="4" xfId="0" applyNumberFormat="1" applyFont="1" applyBorder="1" applyAlignment="1">
      <alignment horizontal="right" vertical="center"/>
    </xf>
    <xf numFmtId="177" fontId="9" fillId="0" borderId="4" xfId="0" applyNumberFormat="1" applyFont="1" applyBorder="1" applyAlignment="1">
      <alignment horizontal="right" vertical="center"/>
    </xf>
    <xf numFmtId="0" fontId="10" fillId="0" borderId="0" xfId="0" applyFont="1"/>
    <xf numFmtId="176" fontId="1" fillId="0" borderId="0" xfId="0" applyNumberFormat="1" applyFont="1"/>
    <xf numFmtId="178" fontId="1" fillId="0" borderId="7" xfId="0" applyNumberFormat="1" applyFont="1" applyBorder="1"/>
    <xf numFmtId="178" fontId="1" fillId="0" borderId="7" xfId="0" applyNumberFormat="1" applyFont="1" applyBorder="1" applyAlignment="1">
      <alignment horizontal="right"/>
    </xf>
    <xf numFmtId="179" fontId="1" fillId="0" borderId="7" xfId="0" applyNumberFormat="1" applyFont="1" applyBorder="1" applyAlignment="1">
      <alignment horizontal="right"/>
    </xf>
    <xf numFmtId="0" fontId="1" fillId="0" borderId="11" xfId="0" applyFont="1" applyBorder="1"/>
    <xf numFmtId="178" fontId="1" fillId="0" borderId="10" xfId="0" applyNumberFormat="1" applyFont="1" applyBorder="1"/>
    <xf numFmtId="178" fontId="1" fillId="0" borderId="10" xfId="0" applyNumberFormat="1" applyFont="1" applyBorder="1" applyAlignment="1">
      <alignment horizontal="right"/>
    </xf>
    <xf numFmtId="179" fontId="1" fillId="0" borderId="10" xfId="0" applyNumberFormat="1" applyFont="1" applyBorder="1" applyAlignment="1">
      <alignment horizontal="right"/>
    </xf>
    <xf numFmtId="0" fontId="1" fillId="0" borderId="13" xfId="0" applyFont="1" applyBorder="1"/>
    <xf numFmtId="178" fontId="1" fillId="0" borderId="14" xfId="0" applyNumberFormat="1" applyFont="1" applyBorder="1"/>
    <xf numFmtId="178" fontId="1" fillId="0" borderId="14" xfId="0" applyNumberFormat="1" applyFont="1" applyBorder="1" applyAlignment="1">
      <alignment horizontal="right"/>
    </xf>
    <xf numFmtId="0" fontId="9" fillId="0" borderId="0" xfId="0" applyFont="1" applyAlignment="1">
      <alignment horizontal="center"/>
    </xf>
    <xf numFmtId="0" fontId="1" fillId="0" borderId="15" xfId="0" applyFont="1" applyBorder="1"/>
    <xf numFmtId="0" fontId="1" fillId="0" borderId="16" xfId="0" applyFont="1" applyBorder="1"/>
    <xf numFmtId="176" fontId="1" fillId="0" borderId="17" xfId="0" applyNumberFormat="1" applyFont="1" applyBorder="1"/>
    <xf numFmtId="176" fontId="1" fillId="0" borderId="17" xfId="0" applyNumberFormat="1" applyFont="1" applyBorder="1" applyAlignment="1">
      <alignment horizontal="right"/>
    </xf>
    <xf numFmtId="177" fontId="1" fillId="0" borderId="17" xfId="0" applyNumberFormat="1" applyFont="1" applyBorder="1" applyAlignment="1">
      <alignment horizontal="right"/>
    </xf>
    <xf numFmtId="0" fontId="1" fillId="0" borderId="18" xfId="0" applyFont="1" applyBorder="1"/>
    <xf numFmtId="0" fontId="4" fillId="0" borderId="0" xfId="0" applyFont="1"/>
    <xf numFmtId="0" fontId="1" fillId="0" borderId="19" xfId="0" applyFont="1" applyBorder="1"/>
    <xf numFmtId="177" fontId="1" fillId="0" borderId="0" xfId="0" applyNumberFormat="1" applyFont="1" applyAlignment="1">
      <alignment horizontal="right"/>
    </xf>
    <xf numFmtId="0" fontId="1" fillId="0" borderId="20" xfId="0" applyFont="1" applyBorder="1"/>
    <xf numFmtId="0" fontId="1" fillId="0" borderId="21" xfId="0" applyFont="1" applyBorder="1"/>
    <xf numFmtId="0" fontId="1" fillId="0" borderId="22" xfId="0" applyFont="1" applyBorder="1"/>
    <xf numFmtId="176" fontId="1" fillId="0" borderId="23" xfId="0" applyNumberFormat="1" applyFont="1" applyBorder="1"/>
    <xf numFmtId="176" fontId="1" fillId="0" borderId="24" xfId="0" applyNumberFormat="1" applyFont="1" applyBorder="1" applyAlignment="1">
      <alignment horizontal="right"/>
    </xf>
    <xf numFmtId="177" fontId="1" fillId="0" borderId="24" xfId="0" applyNumberFormat="1" applyFont="1" applyBorder="1" applyAlignment="1">
      <alignment horizontal="right"/>
    </xf>
    <xf numFmtId="0" fontId="9" fillId="0" borderId="0" xfId="0" applyFont="1" applyAlignment="1">
      <alignment horizontal="center" vertical="center"/>
    </xf>
    <xf numFmtId="176" fontId="9" fillId="0" borderId="0" xfId="0" applyNumberFormat="1" applyFont="1" applyAlignment="1">
      <alignment vertical="center"/>
    </xf>
    <xf numFmtId="177" fontId="9" fillId="0" borderId="0" xfId="0" applyNumberFormat="1" applyFont="1" applyAlignment="1">
      <alignment vertical="center"/>
    </xf>
    <xf numFmtId="0" fontId="1" fillId="0" borderId="1" xfId="0" applyFont="1" applyBorder="1"/>
    <xf numFmtId="0" fontId="1" fillId="0" borderId="2" xfId="0" applyFont="1" applyBorder="1"/>
    <xf numFmtId="176" fontId="1" fillId="0" borderId="4" xfId="0" applyNumberFormat="1" applyFont="1" applyBorder="1" applyAlignment="1">
      <alignment horizontal="right"/>
    </xf>
    <xf numFmtId="177" fontId="1" fillId="0" borderId="4" xfId="0" applyNumberFormat="1" applyFont="1" applyBorder="1" applyAlignment="1">
      <alignment horizontal="right"/>
    </xf>
    <xf numFmtId="0" fontId="1" fillId="0" borderId="20" xfId="0" applyFont="1" applyBorder="1" applyAlignment="1">
      <alignment shrinkToFit="1"/>
    </xf>
    <xf numFmtId="0" fontId="1" fillId="0" borderId="9" xfId="0" applyFont="1" applyBorder="1" applyAlignment="1">
      <alignment horizontal="left"/>
    </xf>
    <xf numFmtId="0" fontId="1" fillId="0" borderId="19" xfId="0" applyFont="1" applyBorder="1" applyAlignment="1">
      <alignment horizontal="left" shrinkToFit="1"/>
    </xf>
    <xf numFmtId="0" fontId="1" fillId="0" borderId="0" xfId="0" applyFont="1" applyAlignment="1">
      <alignment horizontal="left"/>
    </xf>
    <xf numFmtId="0" fontId="1" fillId="0" borderId="25" xfId="0" applyFont="1" applyBorder="1" applyAlignment="1">
      <alignment horizontal="left" shrinkToFit="1"/>
    </xf>
    <xf numFmtId="176" fontId="1" fillId="0" borderId="14" xfId="0" applyNumberFormat="1" applyFont="1" applyBorder="1"/>
    <xf numFmtId="176" fontId="1" fillId="0" borderId="14" xfId="0" applyNumberFormat="1" applyFont="1" applyBorder="1" applyAlignment="1">
      <alignment horizontal="right"/>
    </xf>
    <xf numFmtId="0" fontId="1" fillId="0" borderId="26" xfId="0" applyFont="1" applyBorder="1" applyAlignment="1">
      <alignment horizontal="left"/>
    </xf>
    <xf numFmtId="0" fontId="1" fillId="0" borderId="27" xfId="0" applyFont="1" applyBorder="1" applyAlignment="1">
      <alignment horizontal="left" shrinkToFit="1"/>
    </xf>
    <xf numFmtId="176" fontId="1" fillId="0" borderId="28" xfId="0" applyNumberFormat="1" applyFont="1" applyBorder="1"/>
    <xf numFmtId="176" fontId="1" fillId="0" borderId="28" xfId="0" applyNumberFormat="1" applyFont="1" applyBorder="1" applyAlignment="1">
      <alignment horizontal="right"/>
    </xf>
    <xf numFmtId="177" fontId="1" fillId="0" borderId="28" xfId="0" applyNumberFormat="1" applyFont="1" applyBorder="1" applyAlignment="1">
      <alignment horizontal="right"/>
    </xf>
    <xf numFmtId="176" fontId="1" fillId="0" borderId="12" xfId="0" applyNumberFormat="1" applyFont="1" applyBorder="1" applyAlignment="1">
      <alignment horizontal="right"/>
    </xf>
    <xf numFmtId="0" fontId="1" fillId="0" borderId="26" xfId="0" applyFont="1" applyBorder="1"/>
    <xf numFmtId="0" fontId="1" fillId="0" borderId="0" xfId="0" applyFont="1" applyAlignment="1">
      <alignment horizontal="left" vertical="center"/>
    </xf>
    <xf numFmtId="0" fontId="1" fillId="0" borderId="29" xfId="0" applyFont="1" applyBorder="1"/>
    <xf numFmtId="0" fontId="1" fillId="0" borderId="30" xfId="0" applyFont="1" applyBorder="1"/>
    <xf numFmtId="176" fontId="1" fillId="0" borderId="23" xfId="0" applyNumberFormat="1" applyFont="1" applyBorder="1" applyAlignment="1">
      <alignment horizontal="right"/>
    </xf>
    <xf numFmtId="0" fontId="9" fillId="0" borderId="21" xfId="0" applyFont="1" applyBorder="1" applyAlignment="1">
      <alignment horizontal="center" vertical="center"/>
    </xf>
    <xf numFmtId="0" fontId="9" fillId="0" borderId="22" xfId="0" applyFont="1" applyBorder="1" applyAlignment="1">
      <alignment horizontal="center" vertical="center"/>
    </xf>
    <xf numFmtId="0" fontId="9" fillId="0" borderId="31" xfId="0" applyFont="1" applyBorder="1" applyAlignment="1">
      <alignment horizontal="center" vertical="center"/>
    </xf>
    <xf numFmtId="0" fontId="10" fillId="0" borderId="0" xfId="0" applyFont="1"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0</xdr:col>
      <xdr:colOff>752475</xdr:colOff>
      <xdr:row>0</xdr:row>
      <xdr:rowOff>85725</xdr:rowOff>
    </xdr:from>
    <xdr:to>
      <xdr:col>11</xdr:col>
      <xdr:colOff>756060</xdr:colOff>
      <xdr:row>0</xdr:row>
      <xdr:rowOff>437164</xdr:rowOff>
    </xdr:to>
    <xdr:sp macro="" textlink="">
      <xdr:nvSpPr>
        <xdr:cNvPr id="2" name="テキスト ボックス 1">
          <a:extLst>
            <a:ext uri="{FF2B5EF4-FFF2-40B4-BE49-F238E27FC236}">
              <a16:creationId xmlns:a16="http://schemas.microsoft.com/office/drawing/2014/main" id="{73F804CE-0E90-436B-AABE-4ED06213A3EB}"/>
            </a:ext>
          </a:extLst>
        </xdr:cNvPr>
        <xdr:cNvSpPr txBox="1"/>
      </xdr:nvSpPr>
      <xdr:spPr>
        <a:xfrm>
          <a:off x="9458325" y="85725"/>
          <a:ext cx="822735" cy="35143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EC2120-7F64-4EA8-B2E5-F4638D15EE78}">
  <sheetPr>
    <pageSetUpPr fitToPage="1"/>
  </sheetPr>
  <dimension ref="B1:L152"/>
  <sheetViews>
    <sheetView tabSelected="1" view="pageBreakPreview" topLeftCell="B1" zoomScale="85" zoomScaleNormal="100" zoomScaleSheetLayoutView="85" workbookViewId="0">
      <selection activeCell="C1" sqref="C1:K1"/>
    </sheetView>
  </sheetViews>
  <sheetFormatPr defaultColWidth="9" defaultRowHeight="13.5" x14ac:dyDescent="0.15"/>
  <cols>
    <col min="1" max="1" width="1.125" style="3" customWidth="1"/>
    <col min="2" max="2" width="2.375" style="3" customWidth="1"/>
    <col min="3" max="3" width="3.125" style="3" customWidth="1"/>
    <col min="4" max="4" width="30.75" style="3" customWidth="1"/>
    <col min="5" max="5" width="25.625" style="3" customWidth="1"/>
    <col min="6" max="6" width="8.25" style="3" customWidth="1"/>
    <col min="7" max="12" width="10.75" style="3" customWidth="1"/>
    <col min="13" max="16384" width="9" style="3"/>
  </cols>
  <sheetData>
    <row r="1" spans="2:12" ht="45.75" customHeight="1" x14ac:dyDescent="0.15">
      <c r="B1" s="1"/>
      <c r="C1" s="2" t="s">
        <v>0</v>
      </c>
      <c r="D1" s="2"/>
      <c r="E1" s="2"/>
      <c r="F1" s="2"/>
      <c r="G1" s="2"/>
      <c r="H1" s="2"/>
      <c r="I1" s="2"/>
      <c r="J1" s="2"/>
      <c r="K1" s="2"/>
    </row>
    <row r="2" spans="2:12" x14ac:dyDescent="0.15">
      <c r="B2" s="1"/>
      <c r="C2" s="4"/>
      <c r="D2" s="5" t="s">
        <v>1</v>
      </c>
      <c r="E2" s="6"/>
    </row>
    <row r="3" spans="2:12" ht="8.25" customHeight="1" x14ac:dyDescent="0.15">
      <c r="B3" s="1"/>
      <c r="C3" s="4"/>
      <c r="E3" s="6"/>
    </row>
    <row r="4" spans="2:12" ht="18.600000000000001" customHeight="1" x14ac:dyDescent="0.15">
      <c r="B4" s="1"/>
      <c r="C4" s="7" t="s">
        <v>2</v>
      </c>
      <c r="D4" s="7"/>
      <c r="E4" s="6"/>
    </row>
    <row r="5" spans="2:12" s="5" customFormat="1" ht="15" customHeight="1" x14ac:dyDescent="0.15">
      <c r="C5" s="8" t="s">
        <v>3</v>
      </c>
      <c r="D5" s="5" t="s">
        <v>4</v>
      </c>
    </row>
    <row r="6" spans="2:12" s="5" customFormat="1" ht="15" customHeight="1" x14ac:dyDescent="0.15">
      <c r="C6" s="8"/>
      <c r="D6" s="5" t="s">
        <v>5</v>
      </c>
    </row>
    <row r="7" spans="2:12" s="5" customFormat="1" ht="42.75" customHeight="1" x14ac:dyDescent="0.15">
      <c r="D7" s="9" t="s">
        <v>6</v>
      </c>
      <c r="E7" s="10" t="s">
        <v>7</v>
      </c>
      <c r="F7" s="11"/>
      <c r="G7" s="12" t="s">
        <v>8</v>
      </c>
      <c r="H7" s="13" t="s">
        <v>9</v>
      </c>
      <c r="I7" s="12" t="s">
        <v>10</v>
      </c>
      <c r="J7" s="12" t="s">
        <v>11</v>
      </c>
      <c r="K7" s="12" t="s">
        <v>12</v>
      </c>
      <c r="L7" s="12" t="s">
        <v>13</v>
      </c>
    </row>
    <row r="8" spans="2:12" s="5" customFormat="1" x14ac:dyDescent="0.15">
      <c r="D8" s="14" t="s">
        <v>14</v>
      </c>
      <c r="E8" s="15" t="s">
        <v>15</v>
      </c>
      <c r="F8" s="15"/>
      <c r="G8" s="16">
        <v>17</v>
      </c>
      <c r="H8" s="17">
        <v>0</v>
      </c>
      <c r="I8" s="17">
        <v>6</v>
      </c>
      <c r="J8" s="17">
        <v>6</v>
      </c>
      <c r="K8" s="17">
        <v>0</v>
      </c>
      <c r="L8" s="18">
        <v>1</v>
      </c>
    </row>
    <row r="9" spans="2:12" s="5" customFormat="1" x14ac:dyDescent="0.15">
      <c r="D9" s="19" t="s">
        <v>16</v>
      </c>
      <c r="E9" s="20" t="s">
        <v>15</v>
      </c>
      <c r="F9" s="20"/>
      <c r="G9" s="21">
        <v>27</v>
      </c>
      <c r="H9" s="22">
        <v>0</v>
      </c>
      <c r="I9" s="22">
        <v>5</v>
      </c>
      <c r="J9" s="22">
        <v>5</v>
      </c>
      <c r="K9" s="22">
        <v>0</v>
      </c>
      <c r="L9" s="23">
        <v>1</v>
      </c>
    </row>
    <row r="10" spans="2:12" s="5" customFormat="1" x14ac:dyDescent="0.15">
      <c r="D10" s="24" t="s">
        <v>17</v>
      </c>
      <c r="E10" s="20" t="s">
        <v>15</v>
      </c>
      <c r="F10" s="20"/>
      <c r="G10" s="21">
        <v>2</v>
      </c>
      <c r="H10" s="22">
        <v>2</v>
      </c>
      <c r="I10" s="22">
        <v>2</v>
      </c>
      <c r="J10" s="22">
        <v>2</v>
      </c>
      <c r="K10" s="22">
        <v>0</v>
      </c>
      <c r="L10" s="23">
        <v>1</v>
      </c>
    </row>
    <row r="11" spans="2:12" s="5" customFormat="1" x14ac:dyDescent="0.15">
      <c r="D11" s="19" t="s">
        <v>18</v>
      </c>
      <c r="E11" s="20" t="s">
        <v>15</v>
      </c>
      <c r="F11" s="20"/>
      <c r="G11" s="21">
        <v>27</v>
      </c>
      <c r="H11" s="22">
        <v>1</v>
      </c>
      <c r="I11" s="22">
        <v>7</v>
      </c>
      <c r="J11" s="22">
        <v>7</v>
      </c>
      <c r="K11" s="22">
        <v>0</v>
      </c>
      <c r="L11" s="23">
        <v>1</v>
      </c>
    </row>
    <row r="12" spans="2:12" s="5" customFormat="1" x14ac:dyDescent="0.15">
      <c r="D12" s="19" t="s">
        <v>19</v>
      </c>
      <c r="E12" s="20" t="s">
        <v>15</v>
      </c>
      <c r="F12" s="20"/>
      <c r="G12" s="21">
        <v>20</v>
      </c>
      <c r="H12" s="22">
        <v>0</v>
      </c>
      <c r="I12" s="22">
        <v>3</v>
      </c>
      <c r="J12" s="22">
        <v>3</v>
      </c>
      <c r="K12" s="22">
        <v>0</v>
      </c>
      <c r="L12" s="23">
        <v>1</v>
      </c>
    </row>
    <row r="13" spans="2:12" s="5" customFormat="1" x14ac:dyDescent="0.15">
      <c r="D13" s="19" t="s">
        <v>20</v>
      </c>
      <c r="E13" s="20" t="s">
        <v>15</v>
      </c>
      <c r="F13" s="20"/>
      <c r="G13" s="21">
        <v>117</v>
      </c>
      <c r="H13" s="22">
        <v>0</v>
      </c>
      <c r="I13" s="22">
        <v>4</v>
      </c>
      <c r="J13" s="22">
        <v>4</v>
      </c>
      <c r="K13" s="22">
        <v>0</v>
      </c>
      <c r="L13" s="23">
        <v>1</v>
      </c>
    </row>
    <row r="14" spans="2:12" s="5" customFormat="1" x14ac:dyDescent="0.15">
      <c r="D14" s="19" t="s">
        <v>21</v>
      </c>
      <c r="E14" s="20" t="s">
        <v>15</v>
      </c>
      <c r="F14" s="20"/>
      <c r="G14" s="21">
        <v>10</v>
      </c>
      <c r="H14" s="22">
        <v>0</v>
      </c>
      <c r="I14" s="22">
        <v>2</v>
      </c>
      <c r="J14" s="22">
        <v>2</v>
      </c>
      <c r="K14" s="22">
        <v>0</v>
      </c>
      <c r="L14" s="23">
        <v>1</v>
      </c>
    </row>
    <row r="15" spans="2:12" s="5" customFormat="1" x14ac:dyDescent="0.15">
      <c r="D15" s="19" t="s">
        <v>22</v>
      </c>
      <c r="E15" s="20" t="s">
        <v>15</v>
      </c>
      <c r="F15" s="20"/>
      <c r="G15" s="21">
        <v>108</v>
      </c>
      <c r="H15" s="22">
        <v>0</v>
      </c>
      <c r="I15" s="22">
        <v>2</v>
      </c>
      <c r="J15" s="22">
        <v>2</v>
      </c>
      <c r="K15" s="22">
        <v>0</v>
      </c>
      <c r="L15" s="23">
        <v>1</v>
      </c>
    </row>
    <row r="16" spans="2:12" s="5" customFormat="1" x14ac:dyDescent="0.15">
      <c r="D16" s="19" t="s">
        <v>23</v>
      </c>
      <c r="E16" s="20" t="s">
        <v>15</v>
      </c>
      <c r="F16" s="20"/>
      <c r="G16" s="21">
        <v>156</v>
      </c>
      <c r="H16" s="22">
        <v>0</v>
      </c>
      <c r="I16" s="22">
        <v>1</v>
      </c>
      <c r="J16" s="22">
        <v>1</v>
      </c>
      <c r="K16" s="22">
        <v>0</v>
      </c>
      <c r="L16" s="23">
        <v>1</v>
      </c>
    </row>
    <row r="17" spans="3:12" s="5" customFormat="1" x14ac:dyDescent="0.15">
      <c r="D17" s="19" t="s">
        <v>24</v>
      </c>
      <c r="E17" s="20" t="s">
        <v>15</v>
      </c>
      <c r="F17" s="20"/>
      <c r="G17" s="21">
        <v>31</v>
      </c>
      <c r="H17" s="22">
        <v>0</v>
      </c>
      <c r="I17" s="22">
        <v>4</v>
      </c>
      <c r="J17" s="22">
        <v>4</v>
      </c>
      <c r="K17" s="22">
        <v>0</v>
      </c>
      <c r="L17" s="23">
        <v>1</v>
      </c>
    </row>
    <row r="18" spans="3:12" s="5" customFormat="1" x14ac:dyDescent="0.15">
      <c r="D18" s="19" t="s">
        <v>25</v>
      </c>
      <c r="E18" s="20" t="s">
        <v>15</v>
      </c>
      <c r="F18" s="20"/>
      <c r="G18" s="21">
        <v>51</v>
      </c>
      <c r="H18" s="22" t="s">
        <v>123</v>
      </c>
      <c r="I18" s="22" t="s">
        <v>123</v>
      </c>
      <c r="J18" s="22" t="s">
        <v>123</v>
      </c>
      <c r="K18" s="22" t="s">
        <v>123</v>
      </c>
      <c r="L18" s="23" t="s">
        <v>123</v>
      </c>
    </row>
    <row r="19" spans="3:12" s="5" customFormat="1" x14ac:dyDescent="0.15">
      <c r="D19" s="19" t="s">
        <v>26</v>
      </c>
      <c r="E19" s="20" t="s">
        <v>15</v>
      </c>
      <c r="F19" s="20"/>
      <c r="G19" s="21">
        <v>10</v>
      </c>
      <c r="H19" s="22">
        <v>1</v>
      </c>
      <c r="I19" s="22">
        <v>5</v>
      </c>
      <c r="J19" s="22">
        <v>5</v>
      </c>
      <c r="K19" s="22">
        <v>0</v>
      </c>
      <c r="L19" s="23">
        <v>1</v>
      </c>
    </row>
    <row r="20" spans="3:12" s="5" customFormat="1" x14ac:dyDescent="0.15">
      <c r="D20" s="19" t="s">
        <v>27</v>
      </c>
      <c r="E20" s="20" t="s">
        <v>15</v>
      </c>
      <c r="F20" s="20"/>
      <c r="G20" s="21">
        <v>1</v>
      </c>
      <c r="H20" s="22" t="s">
        <v>123</v>
      </c>
      <c r="I20" s="22" t="s">
        <v>123</v>
      </c>
      <c r="J20" s="22" t="s">
        <v>123</v>
      </c>
      <c r="K20" s="22" t="s">
        <v>123</v>
      </c>
      <c r="L20" s="23" t="s">
        <v>123</v>
      </c>
    </row>
    <row r="21" spans="3:12" s="5" customFormat="1" x14ac:dyDescent="0.15">
      <c r="D21" s="19" t="s">
        <v>28</v>
      </c>
      <c r="E21" s="20" t="s">
        <v>15</v>
      </c>
      <c r="F21" s="20"/>
      <c r="G21" s="21">
        <v>45</v>
      </c>
      <c r="H21" s="22">
        <v>0</v>
      </c>
      <c r="I21" s="22">
        <v>5</v>
      </c>
      <c r="J21" s="22">
        <v>5</v>
      </c>
      <c r="K21" s="22">
        <v>0</v>
      </c>
      <c r="L21" s="23">
        <v>1</v>
      </c>
    </row>
    <row r="22" spans="3:12" s="5" customFormat="1" x14ac:dyDescent="0.15">
      <c r="D22" s="19" t="s">
        <v>29</v>
      </c>
      <c r="E22" s="20" t="s">
        <v>15</v>
      </c>
      <c r="F22" s="20"/>
      <c r="G22" s="21">
        <v>35</v>
      </c>
      <c r="H22" s="22">
        <v>0</v>
      </c>
      <c r="I22" s="22">
        <v>5</v>
      </c>
      <c r="J22" s="22">
        <v>5</v>
      </c>
      <c r="K22" s="22">
        <v>0</v>
      </c>
      <c r="L22" s="23">
        <v>1</v>
      </c>
    </row>
    <row r="23" spans="3:12" s="5" customFormat="1" x14ac:dyDescent="0.15">
      <c r="D23" s="19" t="s">
        <v>30</v>
      </c>
      <c r="E23" s="20" t="s">
        <v>15</v>
      </c>
      <c r="F23" s="20"/>
      <c r="G23" s="21">
        <v>83</v>
      </c>
      <c r="H23" s="22">
        <v>0</v>
      </c>
      <c r="I23" s="22">
        <v>6</v>
      </c>
      <c r="J23" s="22">
        <v>6</v>
      </c>
      <c r="K23" s="22">
        <v>0</v>
      </c>
      <c r="L23" s="23">
        <v>1</v>
      </c>
    </row>
    <row r="24" spans="3:12" s="5" customFormat="1" x14ac:dyDescent="0.15">
      <c r="D24" s="19" t="s">
        <v>31</v>
      </c>
      <c r="E24" s="20" t="s">
        <v>15</v>
      </c>
      <c r="F24" s="20"/>
      <c r="G24" s="21">
        <v>1</v>
      </c>
      <c r="H24" s="22" t="s">
        <v>123</v>
      </c>
      <c r="I24" s="22" t="s">
        <v>123</v>
      </c>
      <c r="J24" s="22" t="s">
        <v>123</v>
      </c>
      <c r="K24" s="22" t="s">
        <v>123</v>
      </c>
      <c r="L24" s="23" t="s">
        <v>123</v>
      </c>
    </row>
    <row r="25" spans="3:12" s="5" customFormat="1" x14ac:dyDescent="0.15">
      <c r="D25" s="19" t="s">
        <v>32</v>
      </c>
      <c r="E25" s="20" t="s">
        <v>15</v>
      </c>
      <c r="F25" s="20"/>
      <c r="G25" s="21">
        <v>32</v>
      </c>
      <c r="H25" s="22">
        <v>0</v>
      </c>
      <c r="I25" s="22">
        <v>6</v>
      </c>
      <c r="J25" s="22">
        <v>6</v>
      </c>
      <c r="K25" s="22">
        <v>0</v>
      </c>
      <c r="L25" s="23">
        <v>1</v>
      </c>
    </row>
    <row r="26" spans="3:12" s="5" customFormat="1" x14ac:dyDescent="0.15">
      <c r="D26" s="19" t="s">
        <v>33</v>
      </c>
      <c r="E26" s="20" t="s">
        <v>15</v>
      </c>
      <c r="F26" s="20"/>
      <c r="G26" s="21">
        <v>12</v>
      </c>
      <c r="H26" s="22">
        <v>0</v>
      </c>
      <c r="I26" s="22">
        <v>8</v>
      </c>
      <c r="J26" s="22">
        <v>8</v>
      </c>
      <c r="K26" s="22">
        <v>0</v>
      </c>
      <c r="L26" s="23">
        <v>1</v>
      </c>
    </row>
    <row r="27" spans="3:12" s="5" customFormat="1" x14ac:dyDescent="0.15">
      <c r="D27" s="19" t="s">
        <v>34</v>
      </c>
      <c r="E27" s="20" t="s">
        <v>15</v>
      </c>
      <c r="F27" s="20"/>
      <c r="G27" s="21">
        <v>99</v>
      </c>
      <c r="H27" s="22">
        <v>0</v>
      </c>
      <c r="I27" s="22">
        <v>3</v>
      </c>
      <c r="J27" s="22">
        <v>3</v>
      </c>
      <c r="K27" s="22">
        <v>0</v>
      </c>
      <c r="L27" s="23">
        <v>1</v>
      </c>
    </row>
    <row r="28" spans="3:12" s="5" customFormat="1" ht="15" customHeight="1" x14ac:dyDescent="0.15">
      <c r="D28" s="25" t="s">
        <v>35</v>
      </c>
      <c r="E28" s="26"/>
      <c r="F28" s="27"/>
      <c r="G28" s="28">
        <v>884</v>
      </c>
      <c r="H28" s="29">
        <v>4</v>
      </c>
      <c r="I28" s="29">
        <v>74</v>
      </c>
      <c r="J28" s="29">
        <v>74</v>
      </c>
      <c r="K28" s="29">
        <v>0</v>
      </c>
      <c r="L28" s="30">
        <v>1</v>
      </c>
    </row>
    <row r="29" spans="3:12" s="5" customFormat="1" ht="12.6" customHeight="1" x14ac:dyDescent="0.15">
      <c r="D29" s="31"/>
      <c r="G29" s="32"/>
      <c r="H29" s="32"/>
      <c r="I29" s="32"/>
      <c r="J29" s="32"/>
      <c r="K29" s="32"/>
    </row>
    <row r="30" spans="3:12" s="5" customFormat="1" ht="7.5" customHeight="1" x14ac:dyDescent="0.15">
      <c r="G30" s="32"/>
      <c r="H30" s="32"/>
      <c r="I30" s="32"/>
      <c r="J30" s="32"/>
      <c r="K30" s="32"/>
    </row>
    <row r="31" spans="3:12" s="5" customFormat="1" ht="15" customHeight="1" x14ac:dyDescent="0.15">
      <c r="C31" s="8"/>
      <c r="D31" s="5" t="s">
        <v>36</v>
      </c>
    </row>
    <row r="32" spans="3:12" s="5" customFormat="1" ht="42" customHeight="1" x14ac:dyDescent="0.15">
      <c r="D32" s="9" t="s">
        <v>6</v>
      </c>
      <c r="E32" s="10" t="s">
        <v>7</v>
      </c>
      <c r="F32" s="11"/>
      <c r="G32" s="12" t="s">
        <v>8</v>
      </c>
      <c r="H32" s="13" t="s">
        <v>9</v>
      </c>
      <c r="I32" s="12" t="s">
        <v>10</v>
      </c>
      <c r="J32" s="12" t="s">
        <v>11</v>
      </c>
      <c r="K32" s="12" t="s">
        <v>12</v>
      </c>
      <c r="L32" s="12" t="s">
        <v>13</v>
      </c>
    </row>
    <row r="33" spans="2:12" s="5" customFormat="1" ht="13.5" customHeight="1" x14ac:dyDescent="0.15">
      <c r="D33" s="14" t="s">
        <v>37</v>
      </c>
      <c r="E33" s="15" t="s">
        <v>38</v>
      </c>
      <c r="F33" s="15"/>
      <c r="G33" s="33">
        <v>127</v>
      </c>
      <c r="H33" s="34">
        <v>0</v>
      </c>
      <c r="I33" s="34">
        <v>3</v>
      </c>
      <c r="J33" s="34">
        <v>3</v>
      </c>
      <c r="K33" s="34">
        <v>0</v>
      </c>
      <c r="L33" s="35">
        <v>1</v>
      </c>
    </row>
    <row r="34" spans="2:12" s="5" customFormat="1" ht="13.5" customHeight="1" x14ac:dyDescent="0.15">
      <c r="D34" s="36" t="s">
        <v>39</v>
      </c>
      <c r="E34" s="20" t="s">
        <v>38</v>
      </c>
      <c r="F34" s="20"/>
      <c r="G34" s="37">
        <v>3</v>
      </c>
      <c r="H34" s="38" t="s">
        <v>123</v>
      </c>
      <c r="I34" s="38" t="s">
        <v>123</v>
      </c>
      <c r="J34" s="38" t="s">
        <v>123</v>
      </c>
      <c r="K34" s="38" t="s">
        <v>123</v>
      </c>
      <c r="L34" s="39" t="s">
        <v>123</v>
      </c>
    </row>
    <row r="35" spans="2:12" s="5" customFormat="1" ht="13.5" customHeight="1" x14ac:dyDescent="0.15">
      <c r="D35" s="36" t="s">
        <v>40</v>
      </c>
      <c r="E35" s="20" t="s">
        <v>38</v>
      </c>
      <c r="F35" s="20"/>
      <c r="G35" s="37">
        <v>5</v>
      </c>
      <c r="H35" s="38" t="s">
        <v>123</v>
      </c>
      <c r="I35" s="38" t="s">
        <v>123</v>
      </c>
      <c r="J35" s="38" t="s">
        <v>123</v>
      </c>
      <c r="K35" s="38" t="s">
        <v>123</v>
      </c>
      <c r="L35" s="39" t="s">
        <v>123</v>
      </c>
    </row>
    <row r="36" spans="2:12" s="5" customFormat="1" ht="13.5" customHeight="1" x14ac:dyDescent="0.15">
      <c r="D36" s="40" t="s">
        <v>41</v>
      </c>
      <c r="E36" s="5" t="s">
        <v>38</v>
      </c>
      <c r="G36" s="41">
        <v>17</v>
      </c>
      <c r="H36" s="42">
        <v>0</v>
      </c>
      <c r="I36" s="42">
        <v>3</v>
      </c>
      <c r="J36" s="42">
        <v>3</v>
      </c>
      <c r="K36" s="42">
        <v>0</v>
      </c>
      <c r="L36" s="23">
        <v>1</v>
      </c>
    </row>
    <row r="37" spans="2:12" s="5" customFormat="1" ht="15" customHeight="1" x14ac:dyDescent="0.15">
      <c r="D37" s="25" t="s">
        <v>35</v>
      </c>
      <c r="E37" s="26"/>
      <c r="F37" s="27"/>
      <c r="G37" s="29">
        <v>152</v>
      </c>
      <c r="H37" s="29">
        <v>0</v>
      </c>
      <c r="I37" s="29">
        <v>6</v>
      </c>
      <c r="J37" s="29">
        <v>6</v>
      </c>
      <c r="K37" s="29">
        <v>0</v>
      </c>
      <c r="L37" s="30">
        <v>1</v>
      </c>
    </row>
    <row r="38" spans="2:12" ht="7.5" customHeight="1" x14ac:dyDescent="0.15">
      <c r="B38" s="1"/>
      <c r="C38" s="4"/>
      <c r="E38" s="6"/>
    </row>
    <row r="39" spans="2:12" s="5" customFormat="1" ht="7.5" customHeight="1" x14ac:dyDescent="0.15">
      <c r="D39" s="43"/>
      <c r="E39" s="43"/>
      <c r="F39" s="43"/>
      <c r="G39" s="32"/>
      <c r="H39" s="32"/>
      <c r="I39" s="32"/>
      <c r="J39" s="32"/>
      <c r="K39" s="32"/>
      <c r="L39" s="32"/>
    </row>
    <row r="40" spans="2:12" s="5" customFormat="1" ht="15" customHeight="1" x14ac:dyDescent="0.15">
      <c r="C40" s="8"/>
      <c r="D40" s="5" t="s">
        <v>42</v>
      </c>
    </row>
    <row r="41" spans="2:12" s="5" customFormat="1" ht="42" customHeight="1" x14ac:dyDescent="0.15">
      <c r="D41" s="9" t="s">
        <v>6</v>
      </c>
      <c r="E41" s="10" t="s">
        <v>7</v>
      </c>
      <c r="F41" s="11"/>
      <c r="G41" s="12" t="s">
        <v>8</v>
      </c>
      <c r="H41" s="13" t="s">
        <v>9</v>
      </c>
      <c r="I41" s="12" t="s">
        <v>10</v>
      </c>
      <c r="J41" s="12" t="s">
        <v>11</v>
      </c>
      <c r="K41" s="12" t="s">
        <v>12</v>
      </c>
      <c r="L41" s="12" t="s">
        <v>13</v>
      </c>
    </row>
    <row r="42" spans="2:12" s="5" customFormat="1" x14ac:dyDescent="0.15">
      <c r="D42" s="44" t="s">
        <v>43</v>
      </c>
      <c r="E42" s="20" t="s">
        <v>44</v>
      </c>
      <c r="F42" s="20"/>
      <c r="G42" s="21">
        <v>7</v>
      </c>
      <c r="H42" s="22">
        <v>0</v>
      </c>
      <c r="I42" s="22">
        <v>1</v>
      </c>
      <c r="J42" s="22">
        <v>1</v>
      </c>
      <c r="K42" s="22">
        <v>0</v>
      </c>
      <c r="L42" s="23">
        <v>1</v>
      </c>
    </row>
    <row r="43" spans="2:12" s="5" customFormat="1" x14ac:dyDescent="0.15">
      <c r="D43" s="36" t="s">
        <v>43</v>
      </c>
      <c r="E43" s="20" t="s">
        <v>45</v>
      </c>
      <c r="F43" s="20"/>
      <c r="G43" s="21">
        <v>8</v>
      </c>
      <c r="H43" s="22">
        <v>0</v>
      </c>
      <c r="I43" s="22">
        <v>2</v>
      </c>
      <c r="J43" s="22">
        <v>2</v>
      </c>
      <c r="K43" s="22">
        <v>0</v>
      </c>
      <c r="L43" s="23">
        <v>1</v>
      </c>
    </row>
    <row r="44" spans="2:12" s="5" customFormat="1" x14ac:dyDescent="0.15">
      <c r="D44" s="36" t="s">
        <v>46</v>
      </c>
      <c r="E44" s="20" t="s">
        <v>47</v>
      </c>
      <c r="F44" s="20"/>
      <c r="G44" s="21">
        <v>16</v>
      </c>
      <c r="H44" s="22">
        <v>1</v>
      </c>
      <c r="I44" s="22">
        <v>1</v>
      </c>
      <c r="J44" s="22">
        <v>1</v>
      </c>
      <c r="K44" s="22">
        <v>0</v>
      </c>
      <c r="L44" s="23">
        <v>1</v>
      </c>
    </row>
    <row r="45" spans="2:12" s="5" customFormat="1" x14ac:dyDescent="0.15">
      <c r="D45" s="36" t="s">
        <v>48</v>
      </c>
      <c r="E45" s="45" t="s">
        <v>49</v>
      </c>
      <c r="F45" s="45"/>
      <c r="G45" s="46">
        <v>1</v>
      </c>
      <c r="H45" s="22">
        <v>0</v>
      </c>
      <c r="I45" s="47">
        <v>1</v>
      </c>
      <c r="J45" s="47">
        <v>1</v>
      </c>
      <c r="K45" s="47">
        <v>0</v>
      </c>
      <c r="L45" s="48">
        <v>1</v>
      </c>
    </row>
    <row r="46" spans="2:12" s="5" customFormat="1" x14ac:dyDescent="0.15">
      <c r="D46" s="36" t="s">
        <v>48</v>
      </c>
      <c r="E46" s="45" t="s">
        <v>50</v>
      </c>
      <c r="F46" s="45"/>
      <c r="G46" s="46">
        <v>16</v>
      </c>
      <c r="H46" s="22">
        <v>0</v>
      </c>
      <c r="I46" s="47">
        <v>1</v>
      </c>
      <c r="J46" s="47">
        <v>1</v>
      </c>
      <c r="K46" s="47">
        <v>0</v>
      </c>
      <c r="L46" s="48">
        <v>1</v>
      </c>
    </row>
    <row r="47" spans="2:12" s="5" customFormat="1" x14ac:dyDescent="0.15">
      <c r="D47" s="36" t="s">
        <v>51</v>
      </c>
      <c r="E47" s="20" t="s">
        <v>49</v>
      </c>
      <c r="F47" s="20"/>
      <c r="G47" s="21">
        <v>15</v>
      </c>
      <c r="H47" s="22">
        <v>0</v>
      </c>
      <c r="I47" s="22">
        <v>2</v>
      </c>
      <c r="J47" s="22">
        <v>2</v>
      </c>
      <c r="K47" s="22">
        <v>0</v>
      </c>
      <c r="L47" s="23">
        <v>1</v>
      </c>
    </row>
    <row r="48" spans="2:12" s="5" customFormat="1" x14ac:dyDescent="0.15">
      <c r="D48" s="49" t="s">
        <v>51</v>
      </c>
      <c r="E48" s="20" t="s">
        <v>52</v>
      </c>
      <c r="F48" s="20"/>
      <c r="G48" s="21">
        <v>22</v>
      </c>
      <c r="H48" s="22">
        <v>1</v>
      </c>
      <c r="I48" s="22">
        <v>2</v>
      </c>
      <c r="J48" s="22">
        <v>2</v>
      </c>
      <c r="K48" s="22">
        <v>0</v>
      </c>
      <c r="L48" s="23">
        <v>1</v>
      </c>
    </row>
    <row r="49" spans="4:12" s="5" customFormat="1" x14ac:dyDescent="0.15">
      <c r="D49" s="49" t="s">
        <v>51</v>
      </c>
      <c r="E49" s="20" t="s">
        <v>53</v>
      </c>
      <c r="F49" s="20"/>
      <c r="G49" s="21">
        <v>16</v>
      </c>
      <c r="H49" s="22">
        <v>0</v>
      </c>
      <c r="I49" s="22">
        <v>2</v>
      </c>
      <c r="J49" s="22">
        <v>2</v>
      </c>
      <c r="K49" s="22">
        <v>0</v>
      </c>
      <c r="L49" s="23">
        <v>1</v>
      </c>
    </row>
    <row r="50" spans="4:12" s="5" customFormat="1" x14ac:dyDescent="0.15">
      <c r="D50" s="49" t="s">
        <v>54</v>
      </c>
      <c r="E50" s="20" t="s">
        <v>49</v>
      </c>
      <c r="F50" s="20"/>
      <c r="G50" s="21">
        <v>30</v>
      </c>
      <c r="H50" s="22">
        <v>0</v>
      </c>
      <c r="I50" s="22">
        <v>2</v>
      </c>
      <c r="J50" s="22">
        <v>2</v>
      </c>
      <c r="K50" s="22">
        <v>0</v>
      </c>
      <c r="L50" s="23">
        <v>1</v>
      </c>
    </row>
    <row r="51" spans="4:12" s="5" customFormat="1" x14ac:dyDescent="0.15">
      <c r="D51" s="49" t="s">
        <v>54</v>
      </c>
      <c r="E51" s="20" t="s">
        <v>53</v>
      </c>
      <c r="F51" s="20"/>
      <c r="G51" s="21">
        <v>14</v>
      </c>
      <c r="H51" s="22">
        <v>0</v>
      </c>
      <c r="I51" s="22">
        <v>2</v>
      </c>
      <c r="J51" s="22">
        <v>2</v>
      </c>
      <c r="K51" s="22">
        <v>0</v>
      </c>
      <c r="L51" s="23">
        <v>1</v>
      </c>
    </row>
    <row r="52" spans="4:12" s="5" customFormat="1" x14ac:dyDescent="0.15">
      <c r="D52" s="49" t="s">
        <v>54</v>
      </c>
      <c r="E52" s="20" t="s">
        <v>52</v>
      </c>
      <c r="F52" s="20"/>
      <c r="G52" s="21">
        <v>3</v>
      </c>
      <c r="H52" s="22" t="s">
        <v>123</v>
      </c>
      <c r="I52" s="22" t="s">
        <v>123</v>
      </c>
      <c r="J52" s="22" t="s">
        <v>123</v>
      </c>
      <c r="K52" s="22" t="s">
        <v>123</v>
      </c>
      <c r="L52" s="23" t="s">
        <v>123</v>
      </c>
    </row>
    <row r="53" spans="4:12" s="5" customFormat="1" x14ac:dyDescent="0.15">
      <c r="D53" s="49" t="s">
        <v>54</v>
      </c>
      <c r="E53" s="20" t="s">
        <v>50</v>
      </c>
      <c r="F53" s="20"/>
      <c r="G53" s="21">
        <v>6</v>
      </c>
      <c r="H53" s="22" t="s">
        <v>123</v>
      </c>
      <c r="I53" s="22" t="s">
        <v>123</v>
      </c>
      <c r="J53" s="22" t="s">
        <v>123</v>
      </c>
      <c r="K53" s="22" t="s">
        <v>123</v>
      </c>
      <c r="L53" s="23" t="s">
        <v>123</v>
      </c>
    </row>
    <row r="54" spans="4:12" s="5" customFormat="1" x14ac:dyDescent="0.15">
      <c r="D54" s="49" t="s">
        <v>55</v>
      </c>
      <c r="E54" s="50" t="s">
        <v>47</v>
      </c>
      <c r="F54" s="20"/>
      <c r="G54" s="21">
        <v>111</v>
      </c>
      <c r="H54" s="22">
        <v>0</v>
      </c>
      <c r="I54" s="22">
        <v>5</v>
      </c>
      <c r="J54" s="22">
        <v>5</v>
      </c>
      <c r="K54" s="22">
        <v>0</v>
      </c>
      <c r="L54" s="23">
        <v>1</v>
      </c>
    </row>
    <row r="55" spans="4:12" s="5" customFormat="1" x14ac:dyDescent="0.15">
      <c r="D55" s="36" t="s">
        <v>56</v>
      </c>
      <c r="E55" s="20" t="s">
        <v>47</v>
      </c>
      <c r="F55" s="20"/>
      <c r="G55" s="21">
        <v>80</v>
      </c>
      <c r="H55" s="22">
        <v>0</v>
      </c>
      <c r="I55" s="22">
        <v>3</v>
      </c>
      <c r="J55" s="22">
        <v>3</v>
      </c>
      <c r="K55" s="22">
        <v>0</v>
      </c>
      <c r="L55" s="23">
        <v>1</v>
      </c>
    </row>
    <row r="56" spans="4:12" s="5" customFormat="1" x14ac:dyDescent="0.15">
      <c r="D56" s="19" t="s">
        <v>40</v>
      </c>
      <c r="E56" s="20" t="s">
        <v>49</v>
      </c>
      <c r="F56" s="20"/>
      <c r="G56" s="21">
        <v>13</v>
      </c>
      <c r="H56" s="22" t="s">
        <v>123</v>
      </c>
      <c r="I56" s="22" t="s">
        <v>123</v>
      </c>
      <c r="J56" s="22" t="s">
        <v>123</v>
      </c>
      <c r="K56" s="22" t="s">
        <v>123</v>
      </c>
      <c r="L56" s="23" t="s">
        <v>123</v>
      </c>
    </row>
    <row r="57" spans="4:12" s="5" customFormat="1" x14ac:dyDescent="0.15">
      <c r="D57" s="36" t="s">
        <v>40</v>
      </c>
      <c r="E57" s="20" t="s">
        <v>53</v>
      </c>
      <c r="F57" s="20"/>
      <c r="G57" s="21">
        <v>8</v>
      </c>
      <c r="H57" s="22" t="s">
        <v>123</v>
      </c>
      <c r="I57" s="22" t="s">
        <v>123</v>
      </c>
      <c r="J57" s="22" t="s">
        <v>123</v>
      </c>
      <c r="K57" s="22" t="s">
        <v>123</v>
      </c>
      <c r="L57" s="23" t="s">
        <v>123</v>
      </c>
    </row>
    <row r="58" spans="4:12" s="5" customFormat="1" x14ac:dyDescent="0.15">
      <c r="D58" s="36" t="s">
        <v>40</v>
      </c>
      <c r="E58" s="20" t="s">
        <v>52</v>
      </c>
      <c r="F58" s="20"/>
      <c r="G58" s="21">
        <v>14</v>
      </c>
      <c r="H58" s="22" t="s">
        <v>123</v>
      </c>
      <c r="I58" s="22" t="s">
        <v>123</v>
      </c>
      <c r="J58" s="22" t="s">
        <v>123</v>
      </c>
      <c r="K58" s="22" t="s">
        <v>123</v>
      </c>
      <c r="L58" s="23" t="s">
        <v>123</v>
      </c>
    </row>
    <row r="59" spans="4:12" s="5" customFormat="1" x14ac:dyDescent="0.15">
      <c r="D59" s="36" t="s">
        <v>40</v>
      </c>
      <c r="E59" s="20" t="s">
        <v>57</v>
      </c>
      <c r="F59" s="20"/>
      <c r="G59" s="21">
        <v>1</v>
      </c>
      <c r="H59" s="22" t="s">
        <v>123</v>
      </c>
      <c r="I59" s="22" t="s">
        <v>123</v>
      </c>
      <c r="J59" s="22" t="s">
        <v>123</v>
      </c>
      <c r="K59" s="22" t="s">
        <v>123</v>
      </c>
      <c r="L59" s="23" t="s">
        <v>123</v>
      </c>
    </row>
    <row r="60" spans="4:12" s="5" customFormat="1" x14ac:dyDescent="0.15">
      <c r="D60" s="36" t="s">
        <v>46</v>
      </c>
      <c r="E60" s="20" t="s">
        <v>58</v>
      </c>
      <c r="F60" s="20"/>
      <c r="G60" s="21">
        <v>13</v>
      </c>
      <c r="H60" s="22" t="s">
        <v>123</v>
      </c>
      <c r="I60" s="22" t="s">
        <v>123</v>
      </c>
      <c r="J60" s="22" t="s">
        <v>123</v>
      </c>
      <c r="K60" s="22" t="s">
        <v>123</v>
      </c>
      <c r="L60" s="23" t="s">
        <v>123</v>
      </c>
    </row>
    <row r="61" spans="4:12" s="5" customFormat="1" x14ac:dyDescent="0.15">
      <c r="D61" s="36" t="s">
        <v>25</v>
      </c>
      <c r="E61" s="20" t="s">
        <v>58</v>
      </c>
      <c r="F61" s="20"/>
      <c r="G61" s="21">
        <v>45</v>
      </c>
      <c r="H61" s="22">
        <v>0</v>
      </c>
      <c r="I61" s="22">
        <v>1</v>
      </c>
      <c r="J61" s="22">
        <v>1</v>
      </c>
      <c r="K61" s="22">
        <v>0</v>
      </c>
      <c r="L61" s="23">
        <v>1</v>
      </c>
    </row>
    <row r="62" spans="4:12" s="5" customFormat="1" x14ac:dyDescent="0.15">
      <c r="D62" s="19" t="s">
        <v>59</v>
      </c>
      <c r="E62" s="20" t="s">
        <v>60</v>
      </c>
      <c r="F62" s="20"/>
      <c r="G62" s="21">
        <v>12</v>
      </c>
      <c r="H62" s="22">
        <v>0</v>
      </c>
      <c r="I62" s="22">
        <v>1</v>
      </c>
      <c r="J62" s="22">
        <v>1</v>
      </c>
      <c r="K62" s="22">
        <v>0</v>
      </c>
      <c r="L62" s="23">
        <v>1</v>
      </c>
    </row>
    <row r="63" spans="4:12" s="5" customFormat="1" x14ac:dyDescent="0.15">
      <c r="D63" s="19" t="s">
        <v>59</v>
      </c>
      <c r="E63" s="20" t="s">
        <v>61</v>
      </c>
      <c r="F63" s="20"/>
      <c r="G63" s="21">
        <v>5</v>
      </c>
      <c r="H63" s="22" t="s">
        <v>123</v>
      </c>
      <c r="I63" s="22" t="s">
        <v>123</v>
      </c>
      <c r="J63" s="22" t="s">
        <v>123</v>
      </c>
      <c r="K63" s="22" t="s">
        <v>123</v>
      </c>
      <c r="L63" s="23" t="s">
        <v>123</v>
      </c>
    </row>
    <row r="64" spans="4:12" s="5" customFormat="1" x14ac:dyDescent="0.15">
      <c r="D64" s="36" t="s">
        <v>16</v>
      </c>
      <c r="E64" s="20" t="s">
        <v>62</v>
      </c>
      <c r="F64" s="20"/>
      <c r="G64" s="21">
        <v>10</v>
      </c>
      <c r="H64" s="22" t="s">
        <v>123</v>
      </c>
      <c r="I64" s="22" t="s">
        <v>123</v>
      </c>
      <c r="J64" s="22" t="s">
        <v>123</v>
      </c>
      <c r="K64" s="22" t="s">
        <v>123</v>
      </c>
      <c r="L64" s="23" t="s">
        <v>123</v>
      </c>
    </row>
    <row r="65" spans="2:12" s="5" customFormat="1" x14ac:dyDescent="0.15">
      <c r="D65" s="36" t="s">
        <v>39</v>
      </c>
      <c r="E65" s="20" t="s">
        <v>62</v>
      </c>
      <c r="F65" s="20"/>
      <c r="G65" s="21">
        <v>32</v>
      </c>
      <c r="H65" s="22">
        <v>0</v>
      </c>
      <c r="I65" s="22">
        <v>3</v>
      </c>
      <c r="J65" s="22">
        <v>3</v>
      </c>
      <c r="K65" s="22">
        <v>0</v>
      </c>
      <c r="L65" s="23">
        <v>1</v>
      </c>
    </row>
    <row r="66" spans="2:12" s="5" customFormat="1" x14ac:dyDescent="0.15">
      <c r="D66" s="36" t="s">
        <v>34</v>
      </c>
      <c r="E66" s="20" t="s">
        <v>62</v>
      </c>
      <c r="F66" s="20"/>
      <c r="G66" s="21">
        <v>23</v>
      </c>
      <c r="H66" s="22" t="s">
        <v>123</v>
      </c>
      <c r="I66" s="22" t="s">
        <v>123</v>
      </c>
      <c r="J66" s="22" t="s">
        <v>123</v>
      </c>
      <c r="K66" s="22" t="s">
        <v>123</v>
      </c>
      <c r="L66" s="23" t="s">
        <v>123</v>
      </c>
    </row>
    <row r="67" spans="2:12" s="5" customFormat="1" x14ac:dyDescent="0.15">
      <c r="D67" s="36" t="s">
        <v>14</v>
      </c>
      <c r="E67" s="20" t="s">
        <v>63</v>
      </c>
      <c r="F67" s="20"/>
      <c r="G67" s="21">
        <v>4</v>
      </c>
      <c r="H67" s="22" t="s">
        <v>123</v>
      </c>
      <c r="I67" s="22" t="s">
        <v>123</v>
      </c>
      <c r="J67" s="22" t="s">
        <v>123</v>
      </c>
      <c r="K67" s="22" t="s">
        <v>123</v>
      </c>
      <c r="L67" s="23" t="s">
        <v>123</v>
      </c>
    </row>
    <row r="68" spans="2:12" s="5" customFormat="1" x14ac:dyDescent="0.15">
      <c r="D68" s="19" t="s">
        <v>64</v>
      </c>
      <c r="E68" s="20" t="s">
        <v>65</v>
      </c>
      <c r="F68" s="20"/>
      <c r="G68" s="21">
        <v>1</v>
      </c>
      <c r="H68" s="22">
        <v>0</v>
      </c>
      <c r="I68" s="22">
        <v>1</v>
      </c>
      <c r="J68" s="22">
        <v>1</v>
      </c>
      <c r="K68" s="22">
        <v>0</v>
      </c>
      <c r="L68" s="23">
        <v>1</v>
      </c>
    </row>
    <row r="69" spans="2:12" s="5" customFormat="1" x14ac:dyDescent="0.15">
      <c r="D69" s="19" t="s">
        <v>64</v>
      </c>
      <c r="E69" s="20" t="s">
        <v>66</v>
      </c>
      <c r="F69" s="20"/>
      <c r="G69" s="21">
        <v>3</v>
      </c>
      <c r="H69" s="22" t="s">
        <v>123</v>
      </c>
      <c r="I69" s="22" t="s">
        <v>123</v>
      </c>
      <c r="J69" s="22" t="s">
        <v>123</v>
      </c>
      <c r="K69" s="22" t="s">
        <v>123</v>
      </c>
      <c r="L69" s="23" t="s">
        <v>123</v>
      </c>
    </row>
    <row r="70" spans="2:12" s="5" customFormat="1" x14ac:dyDescent="0.15">
      <c r="D70" s="36" t="s">
        <v>64</v>
      </c>
      <c r="E70" s="20" t="s">
        <v>67</v>
      </c>
      <c r="F70" s="20"/>
      <c r="G70" s="21">
        <v>7</v>
      </c>
      <c r="H70" s="22">
        <v>0</v>
      </c>
      <c r="I70" s="22">
        <v>2</v>
      </c>
      <c r="J70" s="22">
        <v>2</v>
      </c>
      <c r="K70" s="22">
        <v>0</v>
      </c>
      <c r="L70" s="23">
        <v>1</v>
      </c>
    </row>
    <row r="71" spans="2:12" s="5" customFormat="1" x14ac:dyDescent="0.15">
      <c r="D71" s="36" t="s">
        <v>64</v>
      </c>
      <c r="E71" s="20" t="s">
        <v>57</v>
      </c>
      <c r="F71" s="20"/>
      <c r="G71" s="21">
        <v>1</v>
      </c>
      <c r="H71" s="22" t="s">
        <v>123</v>
      </c>
      <c r="I71" s="22" t="s">
        <v>123</v>
      </c>
      <c r="J71" s="22" t="s">
        <v>123</v>
      </c>
      <c r="K71" s="22" t="s">
        <v>123</v>
      </c>
      <c r="L71" s="23" t="s">
        <v>123</v>
      </c>
    </row>
    <row r="72" spans="2:12" s="5" customFormat="1" x14ac:dyDescent="0.15">
      <c r="D72" s="36" t="s">
        <v>68</v>
      </c>
      <c r="E72" s="20" t="s">
        <v>69</v>
      </c>
      <c r="F72" s="20"/>
      <c r="G72" s="21">
        <v>9</v>
      </c>
      <c r="H72" s="22">
        <v>0</v>
      </c>
      <c r="I72" s="22">
        <v>2</v>
      </c>
      <c r="J72" s="22">
        <v>2</v>
      </c>
      <c r="K72" s="22">
        <v>0</v>
      </c>
      <c r="L72" s="23">
        <v>1</v>
      </c>
    </row>
    <row r="73" spans="2:12" s="5" customFormat="1" x14ac:dyDescent="0.15">
      <c r="D73" s="36" t="s">
        <v>68</v>
      </c>
      <c r="E73" s="20" t="s">
        <v>62</v>
      </c>
      <c r="F73" s="20"/>
      <c r="G73" s="21">
        <v>2</v>
      </c>
      <c r="H73" s="22" t="s">
        <v>123</v>
      </c>
      <c r="I73" s="22" t="s">
        <v>123</v>
      </c>
      <c r="J73" s="22" t="s">
        <v>123</v>
      </c>
      <c r="K73" s="22" t="s">
        <v>123</v>
      </c>
      <c r="L73" s="23" t="s">
        <v>123</v>
      </c>
    </row>
    <row r="74" spans="2:12" s="5" customFormat="1" ht="15" customHeight="1" x14ac:dyDescent="0.15">
      <c r="D74" s="25" t="s">
        <v>35</v>
      </c>
      <c r="E74" s="26"/>
      <c r="F74" s="27"/>
      <c r="G74" s="29">
        <v>548</v>
      </c>
      <c r="H74" s="29">
        <v>2</v>
      </c>
      <c r="I74" s="29">
        <v>34</v>
      </c>
      <c r="J74" s="29">
        <v>34</v>
      </c>
      <c r="K74" s="29">
        <v>0</v>
      </c>
      <c r="L74" s="30">
        <v>1</v>
      </c>
    </row>
    <row r="75" spans="2:12" ht="12.6" customHeight="1" x14ac:dyDescent="0.15">
      <c r="B75" s="1"/>
      <c r="C75" s="4"/>
      <c r="D75" s="31"/>
      <c r="E75" s="6"/>
    </row>
    <row r="76" spans="2:12" ht="8.1" customHeight="1" x14ac:dyDescent="0.15">
      <c r="B76" s="1"/>
      <c r="C76" s="4"/>
      <c r="E76" s="6"/>
    </row>
    <row r="77" spans="2:12" s="5" customFormat="1" ht="15" customHeight="1" x14ac:dyDescent="0.15">
      <c r="C77" s="8"/>
      <c r="D77" s="5" t="s">
        <v>70</v>
      </c>
    </row>
    <row r="78" spans="2:12" s="5" customFormat="1" ht="42" customHeight="1" x14ac:dyDescent="0.15">
      <c r="D78" s="9" t="s">
        <v>6</v>
      </c>
      <c r="E78" s="10" t="s">
        <v>7</v>
      </c>
      <c r="F78" s="11"/>
      <c r="G78" s="12" t="s">
        <v>8</v>
      </c>
      <c r="H78" s="13" t="s">
        <v>9</v>
      </c>
      <c r="I78" s="12" t="s">
        <v>10</v>
      </c>
      <c r="J78" s="12" t="s">
        <v>11</v>
      </c>
      <c r="K78" s="12" t="s">
        <v>12</v>
      </c>
      <c r="L78" s="12" t="s">
        <v>13</v>
      </c>
    </row>
    <row r="79" spans="2:12" s="5" customFormat="1" x14ac:dyDescent="0.15">
      <c r="D79" s="14" t="s">
        <v>71</v>
      </c>
      <c r="E79" s="15" t="s">
        <v>72</v>
      </c>
      <c r="F79" s="15"/>
      <c r="G79" s="16">
        <v>21</v>
      </c>
      <c r="H79" s="17">
        <v>0</v>
      </c>
      <c r="I79" s="17">
        <v>6</v>
      </c>
      <c r="J79" s="17">
        <v>6</v>
      </c>
      <c r="K79" s="17">
        <v>0</v>
      </c>
      <c r="L79" s="18">
        <v>1</v>
      </c>
    </row>
    <row r="80" spans="2:12" s="5" customFormat="1" x14ac:dyDescent="0.15">
      <c r="D80" s="36" t="s">
        <v>73</v>
      </c>
      <c r="E80" s="20" t="s">
        <v>72</v>
      </c>
      <c r="F80" s="20"/>
      <c r="G80" s="21">
        <v>85</v>
      </c>
      <c r="H80" s="22">
        <v>0</v>
      </c>
      <c r="I80" s="22">
        <v>10</v>
      </c>
      <c r="J80" s="22">
        <v>10</v>
      </c>
      <c r="K80" s="22">
        <v>0</v>
      </c>
      <c r="L80" s="23">
        <v>1</v>
      </c>
    </row>
    <row r="81" spans="2:12" s="5" customFormat="1" x14ac:dyDescent="0.15">
      <c r="D81" s="36" t="s">
        <v>74</v>
      </c>
      <c r="E81" s="20" t="s">
        <v>72</v>
      </c>
      <c r="F81" s="20"/>
      <c r="G81" s="21">
        <v>78</v>
      </c>
      <c r="H81" s="22">
        <v>0</v>
      </c>
      <c r="I81" s="22">
        <v>12</v>
      </c>
      <c r="J81" s="22">
        <v>12</v>
      </c>
      <c r="K81" s="22">
        <v>0</v>
      </c>
      <c r="L81" s="23">
        <v>1</v>
      </c>
    </row>
    <row r="82" spans="2:12" s="5" customFormat="1" x14ac:dyDescent="0.15">
      <c r="D82" s="36" t="s">
        <v>75</v>
      </c>
      <c r="E82" s="20" t="s">
        <v>72</v>
      </c>
      <c r="F82" s="20"/>
      <c r="G82" s="21">
        <v>113</v>
      </c>
      <c r="H82" s="22">
        <v>0</v>
      </c>
      <c r="I82" s="22">
        <v>6</v>
      </c>
      <c r="J82" s="22">
        <v>6</v>
      </c>
      <c r="K82" s="22">
        <v>0</v>
      </c>
      <c r="L82" s="23">
        <v>1</v>
      </c>
    </row>
    <row r="83" spans="2:12" s="5" customFormat="1" x14ac:dyDescent="0.15">
      <c r="D83" s="36" t="s">
        <v>76</v>
      </c>
      <c r="E83" s="20" t="s">
        <v>72</v>
      </c>
      <c r="F83" s="51"/>
      <c r="G83" s="21">
        <v>69</v>
      </c>
      <c r="H83" s="22">
        <v>0</v>
      </c>
      <c r="I83" s="22">
        <v>11</v>
      </c>
      <c r="J83" s="22">
        <v>11</v>
      </c>
      <c r="K83" s="22">
        <v>0</v>
      </c>
      <c r="L83" s="23">
        <v>1</v>
      </c>
    </row>
    <row r="84" spans="2:12" s="5" customFormat="1" x14ac:dyDescent="0.15">
      <c r="D84" s="40" t="s">
        <v>77</v>
      </c>
      <c r="E84" s="45" t="s">
        <v>72</v>
      </c>
      <c r="G84" s="21">
        <v>16</v>
      </c>
      <c r="H84" s="47">
        <v>0</v>
      </c>
      <c r="I84" s="47">
        <v>7</v>
      </c>
      <c r="J84" s="47">
        <v>7</v>
      </c>
      <c r="K84" s="47">
        <v>0</v>
      </c>
      <c r="L84" s="48">
        <v>1</v>
      </c>
    </row>
    <row r="85" spans="2:12" s="5" customFormat="1" ht="15" customHeight="1" x14ac:dyDescent="0.15">
      <c r="D85" s="25" t="s">
        <v>35</v>
      </c>
      <c r="E85" s="26"/>
      <c r="F85" s="27"/>
      <c r="G85" s="29">
        <v>382</v>
      </c>
      <c r="H85" s="29">
        <v>0</v>
      </c>
      <c r="I85" s="29">
        <v>52</v>
      </c>
      <c r="J85" s="29">
        <v>52</v>
      </c>
      <c r="K85" s="29">
        <v>0</v>
      </c>
      <c r="L85" s="30">
        <v>1</v>
      </c>
    </row>
    <row r="86" spans="2:12" ht="14.45" customHeight="1" x14ac:dyDescent="0.15">
      <c r="B86" s="1"/>
      <c r="C86" s="4"/>
      <c r="E86" s="6"/>
    </row>
    <row r="87" spans="2:12" s="5" customFormat="1" ht="15" customHeight="1" x14ac:dyDescent="0.15">
      <c r="C87" s="8"/>
      <c r="D87" s="5" t="s">
        <v>78</v>
      </c>
    </row>
    <row r="88" spans="2:12" ht="12.6" customHeight="1" x14ac:dyDescent="0.15">
      <c r="B88" s="1"/>
      <c r="C88" s="4"/>
      <c r="D88" s="5"/>
      <c r="E88" s="5"/>
      <c r="F88" s="5"/>
      <c r="G88" s="32"/>
      <c r="H88" s="32"/>
      <c r="I88" s="32"/>
      <c r="J88" s="32"/>
      <c r="K88" s="32"/>
      <c r="L88" s="52"/>
    </row>
    <row r="89" spans="2:12" s="5" customFormat="1" x14ac:dyDescent="0.15">
      <c r="D89" s="5" t="s">
        <v>79</v>
      </c>
    </row>
    <row r="90" spans="2:12" s="5" customFormat="1" ht="40.5" x14ac:dyDescent="0.15">
      <c r="D90" s="9" t="s">
        <v>6</v>
      </c>
      <c r="E90" s="10" t="s">
        <v>7</v>
      </c>
      <c r="F90" s="11"/>
      <c r="G90" s="12" t="s">
        <v>8</v>
      </c>
      <c r="H90" s="13" t="s">
        <v>9</v>
      </c>
      <c r="I90" s="12" t="s">
        <v>10</v>
      </c>
      <c r="J90" s="12" t="s">
        <v>11</v>
      </c>
      <c r="K90" s="12" t="s">
        <v>12</v>
      </c>
      <c r="L90" s="12" t="s">
        <v>13</v>
      </c>
    </row>
    <row r="91" spans="2:12" s="5" customFormat="1" ht="13.5" customHeight="1" x14ac:dyDescent="0.15">
      <c r="D91" s="14" t="s">
        <v>80</v>
      </c>
      <c r="E91" s="15" t="s">
        <v>81</v>
      </c>
      <c r="F91" s="53"/>
      <c r="G91" s="16">
        <v>41</v>
      </c>
      <c r="H91" s="17">
        <v>1</v>
      </c>
      <c r="I91" s="17">
        <v>4</v>
      </c>
      <c r="J91" s="17">
        <v>4</v>
      </c>
      <c r="K91" s="17">
        <v>0</v>
      </c>
      <c r="L91" s="18">
        <v>1</v>
      </c>
    </row>
    <row r="92" spans="2:12" s="5" customFormat="1" ht="14.25" customHeight="1" x14ac:dyDescent="0.15">
      <c r="D92" s="54" t="s">
        <v>82</v>
      </c>
      <c r="E92" s="55" t="s">
        <v>81</v>
      </c>
      <c r="F92" s="55"/>
      <c r="G92" s="56">
        <v>4</v>
      </c>
      <c r="H92" s="57">
        <v>0</v>
      </c>
      <c r="I92" s="57">
        <v>1</v>
      </c>
      <c r="J92" s="57">
        <v>1</v>
      </c>
      <c r="K92" s="57">
        <v>0</v>
      </c>
      <c r="L92" s="58">
        <v>1</v>
      </c>
    </row>
    <row r="93" spans="2:12" s="5" customFormat="1" ht="15" customHeight="1" x14ac:dyDescent="0.15">
      <c r="D93" s="25" t="s">
        <v>35</v>
      </c>
      <c r="E93" s="26"/>
      <c r="F93" s="27"/>
      <c r="G93" s="29">
        <v>45</v>
      </c>
      <c r="H93" s="29">
        <v>1</v>
      </c>
      <c r="I93" s="29">
        <v>5</v>
      </c>
      <c r="J93" s="29">
        <v>5</v>
      </c>
      <c r="K93" s="29">
        <v>0</v>
      </c>
      <c r="L93" s="30">
        <v>1</v>
      </c>
    </row>
    <row r="94" spans="2:12" ht="7.5" customHeight="1" x14ac:dyDescent="0.15">
      <c r="B94" s="1"/>
      <c r="C94" s="4"/>
      <c r="D94" s="59"/>
      <c r="E94" s="59"/>
      <c r="F94" s="59"/>
      <c r="G94" s="60"/>
      <c r="H94" s="60"/>
      <c r="I94" s="60"/>
      <c r="J94" s="60"/>
      <c r="K94" s="60"/>
      <c r="L94" s="61"/>
    </row>
    <row r="95" spans="2:12" s="5" customFormat="1" ht="15" customHeight="1" x14ac:dyDescent="0.15">
      <c r="C95" s="8"/>
      <c r="D95" s="5" t="s">
        <v>83</v>
      </c>
    </row>
    <row r="96" spans="2:12" s="5" customFormat="1" ht="39" customHeight="1" x14ac:dyDescent="0.15">
      <c r="D96" s="9" t="s">
        <v>6</v>
      </c>
      <c r="E96" s="10" t="s">
        <v>7</v>
      </c>
      <c r="F96" s="11"/>
      <c r="G96" s="12" t="s">
        <v>8</v>
      </c>
      <c r="H96" s="13" t="s">
        <v>9</v>
      </c>
      <c r="I96" s="12" t="s">
        <v>10</v>
      </c>
      <c r="J96" s="12" t="s">
        <v>11</v>
      </c>
      <c r="K96" s="12" t="s">
        <v>12</v>
      </c>
      <c r="L96" s="12" t="s">
        <v>13</v>
      </c>
    </row>
    <row r="97" spans="2:12" s="5" customFormat="1" ht="15" customHeight="1" x14ac:dyDescent="0.15">
      <c r="D97" s="62" t="s">
        <v>84</v>
      </c>
      <c r="E97" s="63" t="s">
        <v>85</v>
      </c>
      <c r="F97" s="63"/>
      <c r="G97" s="64">
        <v>20</v>
      </c>
      <c r="H97" s="64">
        <v>0</v>
      </c>
      <c r="I97" s="64">
        <v>1</v>
      </c>
      <c r="J97" s="64">
        <v>1</v>
      </c>
      <c r="K97" s="64">
        <v>0</v>
      </c>
      <c r="L97" s="65">
        <v>1</v>
      </c>
    </row>
    <row r="98" spans="2:12" s="5" customFormat="1" ht="7.5" customHeight="1" x14ac:dyDescent="0.15">
      <c r="C98" s="8"/>
      <c r="D98" s="3"/>
      <c r="E98" s="6"/>
      <c r="F98" s="3"/>
      <c r="G98" s="3"/>
      <c r="H98" s="3"/>
      <c r="I98" s="3"/>
      <c r="J98" s="3"/>
      <c r="K98" s="3"/>
      <c r="L98" s="3"/>
    </row>
    <row r="99" spans="2:12" s="5" customFormat="1" x14ac:dyDescent="0.15">
      <c r="D99" s="5" t="s">
        <v>86</v>
      </c>
    </row>
    <row r="100" spans="2:12" s="5" customFormat="1" ht="40.5" x14ac:dyDescent="0.15">
      <c r="D100" s="9" t="s">
        <v>6</v>
      </c>
      <c r="E100" s="10" t="s">
        <v>7</v>
      </c>
      <c r="F100" s="11"/>
      <c r="G100" s="12" t="s">
        <v>8</v>
      </c>
      <c r="H100" s="13" t="s">
        <v>9</v>
      </c>
      <c r="I100" s="12" t="s">
        <v>10</v>
      </c>
      <c r="J100" s="12" t="s">
        <v>11</v>
      </c>
      <c r="K100" s="12" t="s">
        <v>12</v>
      </c>
      <c r="L100" s="12" t="s">
        <v>13</v>
      </c>
    </row>
    <row r="101" spans="2:12" s="5" customFormat="1" x14ac:dyDescent="0.15">
      <c r="D101" s="36" t="s">
        <v>75</v>
      </c>
      <c r="E101" s="15" t="s">
        <v>87</v>
      </c>
      <c r="F101" s="66"/>
      <c r="G101" s="16">
        <v>12</v>
      </c>
      <c r="H101" s="17" t="s">
        <v>123</v>
      </c>
      <c r="I101" s="17" t="s">
        <v>123</v>
      </c>
      <c r="J101" s="17" t="s">
        <v>123</v>
      </c>
      <c r="K101" s="17" t="s">
        <v>123</v>
      </c>
      <c r="L101" s="18" t="s">
        <v>123</v>
      </c>
    </row>
    <row r="102" spans="2:12" s="5" customFormat="1" x14ac:dyDescent="0.15">
      <c r="D102" s="36" t="s">
        <v>88</v>
      </c>
      <c r="E102" s="67" t="s">
        <v>87</v>
      </c>
      <c r="F102" s="68"/>
      <c r="G102" s="21">
        <v>12</v>
      </c>
      <c r="H102" s="22">
        <v>0</v>
      </c>
      <c r="I102" s="22">
        <v>1</v>
      </c>
      <c r="J102" s="22">
        <v>1</v>
      </c>
      <c r="K102" s="22">
        <v>0</v>
      </c>
      <c r="L102" s="23">
        <v>1</v>
      </c>
    </row>
    <row r="103" spans="2:12" s="5" customFormat="1" x14ac:dyDescent="0.15">
      <c r="D103" s="36" t="s">
        <v>88</v>
      </c>
      <c r="E103" s="67" t="s">
        <v>89</v>
      </c>
      <c r="F103" s="68"/>
      <c r="G103" s="21">
        <v>4</v>
      </c>
      <c r="H103" s="22" t="s">
        <v>123</v>
      </c>
      <c r="I103" s="22" t="s">
        <v>123</v>
      </c>
      <c r="J103" s="22" t="s">
        <v>123</v>
      </c>
      <c r="K103" s="22" t="s">
        <v>123</v>
      </c>
      <c r="L103" s="23" t="s">
        <v>123</v>
      </c>
    </row>
    <row r="104" spans="2:12" s="5" customFormat="1" x14ac:dyDescent="0.15">
      <c r="D104" s="40" t="s">
        <v>88</v>
      </c>
      <c r="E104" s="69" t="s">
        <v>90</v>
      </c>
      <c r="F104" s="70"/>
      <c r="G104" s="71">
        <v>20</v>
      </c>
      <c r="H104" s="72" t="s">
        <v>123</v>
      </c>
      <c r="I104" s="72" t="s">
        <v>123</v>
      </c>
      <c r="J104" s="72" t="s">
        <v>123</v>
      </c>
      <c r="K104" s="72" t="s">
        <v>123</v>
      </c>
      <c r="L104" s="23" t="s">
        <v>123</v>
      </c>
    </row>
    <row r="105" spans="2:12" s="5" customFormat="1" ht="13.5" customHeight="1" x14ac:dyDescent="0.15">
      <c r="D105" s="36" t="s">
        <v>88</v>
      </c>
      <c r="E105" s="67" t="s">
        <v>91</v>
      </c>
      <c r="F105" s="68"/>
      <c r="G105" s="21">
        <v>4</v>
      </c>
      <c r="H105" s="22" t="s">
        <v>123</v>
      </c>
      <c r="I105" s="22" t="s">
        <v>123</v>
      </c>
      <c r="J105" s="22" t="s">
        <v>123</v>
      </c>
      <c r="K105" s="22" t="s">
        <v>123</v>
      </c>
      <c r="L105" s="23" t="s">
        <v>123</v>
      </c>
    </row>
    <row r="106" spans="2:12" s="5" customFormat="1" ht="14.25" customHeight="1" x14ac:dyDescent="0.15">
      <c r="D106" s="19" t="s">
        <v>92</v>
      </c>
      <c r="E106" s="73" t="s">
        <v>93</v>
      </c>
      <c r="F106" s="74"/>
      <c r="G106" s="75">
        <v>25</v>
      </c>
      <c r="H106" s="76">
        <v>0</v>
      </c>
      <c r="I106" s="76">
        <v>3</v>
      </c>
      <c r="J106" s="76">
        <v>3</v>
      </c>
      <c r="K106" s="76">
        <v>0</v>
      </c>
      <c r="L106" s="77">
        <v>1</v>
      </c>
    </row>
    <row r="107" spans="2:12" ht="15" customHeight="1" x14ac:dyDescent="0.15">
      <c r="B107" s="1"/>
      <c r="C107" s="4"/>
      <c r="D107" s="25" t="s">
        <v>35</v>
      </c>
      <c r="E107" s="26"/>
      <c r="F107" s="27"/>
      <c r="G107" s="29">
        <v>77</v>
      </c>
      <c r="H107" s="29">
        <v>0</v>
      </c>
      <c r="I107" s="29">
        <v>4</v>
      </c>
      <c r="J107" s="29">
        <v>4</v>
      </c>
      <c r="K107" s="29">
        <v>0</v>
      </c>
      <c r="L107" s="30">
        <v>1</v>
      </c>
    </row>
    <row r="108" spans="2:12" s="5" customFormat="1" ht="15" customHeight="1" x14ac:dyDescent="0.15">
      <c r="C108" s="8"/>
      <c r="D108" s="3"/>
      <c r="E108" s="6"/>
      <c r="F108" s="3"/>
      <c r="G108" s="3"/>
      <c r="H108" s="3"/>
      <c r="I108" s="3"/>
      <c r="J108" s="3"/>
      <c r="K108" s="3"/>
      <c r="L108" s="3"/>
    </row>
    <row r="109" spans="2:12" s="5" customFormat="1" x14ac:dyDescent="0.15">
      <c r="C109" s="8" t="s">
        <v>94</v>
      </c>
      <c r="D109" s="5" t="s">
        <v>95</v>
      </c>
    </row>
    <row r="110" spans="2:12" s="5" customFormat="1" x14ac:dyDescent="0.15">
      <c r="D110" s="5" t="s">
        <v>96</v>
      </c>
    </row>
    <row r="111" spans="2:12" s="5" customFormat="1" ht="39" customHeight="1" x14ac:dyDescent="0.15">
      <c r="D111" s="9" t="s">
        <v>6</v>
      </c>
      <c r="E111" s="10" t="s">
        <v>97</v>
      </c>
      <c r="F111" s="11"/>
      <c r="G111" s="12" t="s">
        <v>8</v>
      </c>
      <c r="H111" s="13" t="s">
        <v>9</v>
      </c>
      <c r="I111" s="12" t="s">
        <v>10</v>
      </c>
      <c r="J111" s="12" t="s">
        <v>11</v>
      </c>
      <c r="K111" s="12" t="s">
        <v>12</v>
      </c>
      <c r="L111" s="12" t="s">
        <v>13</v>
      </c>
    </row>
    <row r="112" spans="2:12" s="5" customFormat="1" ht="15" customHeight="1" x14ac:dyDescent="0.15">
      <c r="D112" s="62" t="s">
        <v>68</v>
      </c>
      <c r="E112" s="63" t="s">
        <v>98</v>
      </c>
      <c r="F112" s="63"/>
      <c r="G112" s="64">
        <v>33</v>
      </c>
      <c r="H112" s="64">
        <v>1</v>
      </c>
      <c r="I112" s="64">
        <v>6</v>
      </c>
      <c r="J112" s="64">
        <v>6</v>
      </c>
      <c r="K112" s="64">
        <v>0</v>
      </c>
      <c r="L112" s="65">
        <v>1</v>
      </c>
    </row>
    <row r="113" spans="2:12" ht="9" customHeight="1" x14ac:dyDescent="0.15">
      <c r="B113" s="1"/>
      <c r="C113" s="4"/>
      <c r="D113" s="59"/>
      <c r="E113" s="59"/>
      <c r="F113" s="59"/>
      <c r="G113" s="60"/>
      <c r="H113" s="60"/>
      <c r="I113" s="60"/>
      <c r="J113" s="60"/>
      <c r="K113" s="60"/>
      <c r="L113" s="61"/>
    </row>
    <row r="114" spans="2:12" s="5" customFormat="1" x14ac:dyDescent="0.15">
      <c r="D114" s="5" t="s">
        <v>99</v>
      </c>
    </row>
    <row r="115" spans="2:12" s="5" customFormat="1" ht="40.5" x14ac:dyDescent="0.15">
      <c r="D115" s="9" t="s">
        <v>6</v>
      </c>
      <c r="E115" s="10" t="s">
        <v>100</v>
      </c>
      <c r="F115" s="11"/>
      <c r="G115" s="12" t="s">
        <v>8</v>
      </c>
      <c r="H115" s="13" t="s">
        <v>9</v>
      </c>
      <c r="I115" s="12" t="s">
        <v>10</v>
      </c>
      <c r="J115" s="12" t="s">
        <v>11</v>
      </c>
      <c r="K115" s="12" t="s">
        <v>12</v>
      </c>
      <c r="L115" s="12" t="s">
        <v>13</v>
      </c>
    </row>
    <row r="116" spans="2:12" ht="13.5" customHeight="1" x14ac:dyDescent="0.15">
      <c r="D116" s="40" t="s">
        <v>101</v>
      </c>
      <c r="E116" s="5" t="s">
        <v>102</v>
      </c>
      <c r="F116" s="5"/>
      <c r="G116" s="71">
        <v>3</v>
      </c>
      <c r="H116" s="78">
        <v>1</v>
      </c>
      <c r="I116" s="78">
        <v>3</v>
      </c>
      <c r="J116" s="78">
        <v>3</v>
      </c>
      <c r="K116" s="78">
        <v>0</v>
      </c>
      <c r="L116" s="77">
        <v>1</v>
      </c>
    </row>
    <row r="117" spans="2:12" ht="13.5" customHeight="1" x14ac:dyDescent="0.15">
      <c r="D117" s="36" t="s">
        <v>101</v>
      </c>
      <c r="E117" s="20" t="s">
        <v>103</v>
      </c>
      <c r="F117" s="20"/>
      <c r="G117" s="21">
        <v>72</v>
      </c>
      <c r="H117" s="22">
        <v>0</v>
      </c>
      <c r="I117" s="22">
        <v>6</v>
      </c>
      <c r="J117" s="22">
        <v>6</v>
      </c>
      <c r="K117" s="22">
        <v>0</v>
      </c>
      <c r="L117" s="23">
        <v>1</v>
      </c>
    </row>
    <row r="118" spans="2:12" ht="13.5" customHeight="1" x14ac:dyDescent="0.15">
      <c r="D118" s="36" t="s">
        <v>104</v>
      </c>
      <c r="E118" s="20" t="s">
        <v>72</v>
      </c>
      <c r="F118" s="20"/>
      <c r="G118" s="21">
        <v>17</v>
      </c>
      <c r="H118" s="47">
        <v>0</v>
      </c>
      <c r="I118" s="47">
        <v>5</v>
      </c>
      <c r="J118" s="47">
        <v>5</v>
      </c>
      <c r="K118" s="47">
        <v>0</v>
      </c>
      <c r="L118" s="23">
        <v>1</v>
      </c>
    </row>
    <row r="119" spans="2:12" ht="13.5" customHeight="1" x14ac:dyDescent="0.15">
      <c r="D119" s="40" t="s">
        <v>105</v>
      </c>
      <c r="E119" s="5" t="s">
        <v>72</v>
      </c>
      <c r="F119" s="5"/>
      <c r="G119" s="71">
        <v>53</v>
      </c>
      <c r="H119" s="47">
        <v>0</v>
      </c>
      <c r="I119" s="47">
        <v>3</v>
      </c>
      <c r="J119" s="47">
        <v>2</v>
      </c>
      <c r="K119" s="47">
        <v>1</v>
      </c>
      <c r="L119" s="23">
        <v>1</v>
      </c>
    </row>
    <row r="120" spans="2:12" ht="13.5" customHeight="1" x14ac:dyDescent="0.15">
      <c r="D120" s="36" t="s">
        <v>106</v>
      </c>
      <c r="E120" s="20" t="s">
        <v>102</v>
      </c>
      <c r="F120" s="20"/>
      <c r="G120" s="21">
        <v>38</v>
      </c>
      <c r="H120" s="47">
        <v>0</v>
      </c>
      <c r="I120" s="47">
        <v>4</v>
      </c>
      <c r="J120" s="47">
        <v>4</v>
      </c>
      <c r="K120" s="47">
        <v>0</v>
      </c>
      <c r="L120" s="23">
        <v>1</v>
      </c>
    </row>
    <row r="121" spans="2:12" ht="14.25" customHeight="1" x14ac:dyDescent="0.15">
      <c r="D121" s="19" t="s">
        <v>106</v>
      </c>
      <c r="E121" s="79" t="s">
        <v>103</v>
      </c>
      <c r="F121" s="79"/>
      <c r="G121" s="75">
        <v>70</v>
      </c>
      <c r="H121" s="72">
        <v>0</v>
      </c>
      <c r="I121" s="72">
        <v>5</v>
      </c>
      <c r="J121" s="72">
        <v>5</v>
      </c>
      <c r="K121" s="72">
        <v>0</v>
      </c>
      <c r="L121" s="77">
        <v>1</v>
      </c>
    </row>
    <row r="122" spans="2:12" s="5" customFormat="1" ht="15" customHeight="1" x14ac:dyDescent="0.15">
      <c r="C122" s="8"/>
      <c r="D122" s="25" t="s">
        <v>35</v>
      </c>
      <c r="E122" s="26"/>
      <c r="F122" s="27"/>
      <c r="G122" s="29">
        <v>253</v>
      </c>
      <c r="H122" s="29">
        <v>1</v>
      </c>
      <c r="I122" s="29">
        <v>26</v>
      </c>
      <c r="J122" s="29">
        <v>25</v>
      </c>
      <c r="K122" s="29">
        <v>1</v>
      </c>
      <c r="L122" s="30">
        <v>1</v>
      </c>
    </row>
    <row r="123" spans="2:12" s="5" customFormat="1" ht="14.1" customHeight="1" x14ac:dyDescent="0.15"/>
    <row r="124" spans="2:12" s="5" customFormat="1" x14ac:dyDescent="0.15">
      <c r="D124" s="5" t="s">
        <v>107</v>
      </c>
    </row>
    <row r="125" spans="2:12" s="5" customFormat="1" ht="40.5" x14ac:dyDescent="0.15">
      <c r="D125" s="9" t="s">
        <v>6</v>
      </c>
      <c r="E125" s="10" t="s">
        <v>100</v>
      </c>
      <c r="F125" s="11"/>
      <c r="G125" s="12" t="s">
        <v>8</v>
      </c>
      <c r="H125" s="13" t="s">
        <v>9</v>
      </c>
      <c r="I125" s="12" t="s">
        <v>10</v>
      </c>
      <c r="J125" s="12" t="s">
        <v>11</v>
      </c>
      <c r="K125" s="12" t="s">
        <v>12</v>
      </c>
      <c r="L125" s="12" t="s">
        <v>13</v>
      </c>
    </row>
    <row r="126" spans="2:12" s="5" customFormat="1" x14ac:dyDescent="0.15">
      <c r="D126" s="14" t="s">
        <v>108</v>
      </c>
      <c r="E126" s="15" t="s">
        <v>109</v>
      </c>
      <c r="F126" s="15"/>
      <c r="G126" s="16">
        <v>5</v>
      </c>
      <c r="H126" s="17">
        <v>0</v>
      </c>
      <c r="I126" s="17">
        <v>4</v>
      </c>
      <c r="J126" s="17">
        <v>4</v>
      </c>
      <c r="K126" s="17">
        <v>0</v>
      </c>
      <c r="L126" s="18">
        <v>1</v>
      </c>
    </row>
    <row r="127" spans="2:12" ht="14.25" customHeight="1" x14ac:dyDescent="0.15">
      <c r="D127" s="49" t="s">
        <v>108</v>
      </c>
      <c r="E127" s="45" t="s">
        <v>110</v>
      </c>
      <c r="F127" s="45"/>
      <c r="G127" s="46">
        <v>68</v>
      </c>
      <c r="H127" s="47">
        <v>0</v>
      </c>
      <c r="I127" s="47">
        <v>1</v>
      </c>
      <c r="J127" s="47">
        <v>1</v>
      </c>
      <c r="K127" s="47">
        <v>0</v>
      </c>
      <c r="L127" s="48">
        <v>1</v>
      </c>
    </row>
    <row r="128" spans="2:12" s="5" customFormat="1" ht="15" customHeight="1" x14ac:dyDescent="0.15">
      <c r="C128" s="8"/>
      <c r="D128" s="25" t="s">
        <v>35</v>
      </c>
      <c r="E128" s="26"/>
      <c r="F128" s="27"/>
      <c r="G128" s="29">
        <v>73</v>
      </c>
      <c r="H128" s="29">
        <v>0</v>
      </c>
      <c r="I128" s="29">
        <v>5</v>
      </c>
      <c r="J128" s="29">
        <v>5</v>
      </c>
      <c r="K128" s="29">
        <v>0</v>
      </c>
      <c r="L128" s="30">
        <v>1</v>
      </c>
    </row>
    <row r="129" spans="3:12" s="5" customFormat="1" ht="15" customHeight="1" x14ac:dyDescent="0.15">
      <c r="C129" s="8"/>
      <c r="D129" s="59"/>
      <c r="E129" s="59"/>
      <c r="F129" s="59"/>
      <c r="G129" s="60"/>
      <c r="H129" s="60"/>
      <c r="I129" s="60"/>
      <c r="J129" s="60"/>
      <c r="K129" s="60"/>
      <c r="L129" s="61"/>
    </row>
    <row r="130" spans="3:12" x14ac:dyDescent="0.15">
      <c r="C130" s="80" t="s">
        <v>111</v>
      </c>
      <c r="D130" s="80"/>
      <c r="E130" s="80"/>
    </row>
    <row r="131" spans="3:12" ht="40.5" x14ac:dyDescent="0.15">
      <c r="D131" s="9" t="s">
        <v>6</v>
      </c>
      <c r="E131" s="10" t="s">
        <v>7</v>
      </c>
      <c r="F131" s="11"/>
      <c r="G131" s="12" t="s">
        <v>8</v>
      </c>
      <c r="H131" s="13" t="s">
        <v>9</v>
      </c>
      <c r="I131" s="12" t="s">
        <v>10</v>
      </c>
      <c r="J131" s="12" t="s">
        <v>11</v>
      </c>
      <c r="K131" s="12" t="s">
        <v>12</v>
      </c>
      <c r="L131" s="12" t="s">
        <v>13</v>
      </c>
    </row>
    <row r="132" spans="3:12" x14ac:dyDescent="0.15">
      <c r="D132" s="49" t="s">
        <v>112</v>
      </c>
      <c r="E132" s="45" t="s">
        <v>15</v>
      </c>
      <c r="F132" s="45"/>
      <c r="G132" s="47">
        <v>2</v>
      </c>
      <c r="H132" s="47" t="s">
        <v>123</v>
      </c>
      <c r="I132" s="47" t="s">
        <v>123</v>
      </c>
      <c r="J132" s="47" t="s">
        <v>123</v>
      </c>
      <c r="K132" s="47" t="s">
        <v>123</v>
      </c>
      <c r="L132" s="23" t="s">
        <v>123</v>
      </c>
    </row>
    <row r="133" spans="3:12" x14ac:dyDescent="0.15">
      <c r="D133" s="36" t="s">
        <v>113</v>
      </c>
      <c r="E133" s="20" t="s">
        <v>15</v>
      </c>
      <c r="F133" s="20"/>
      <c r="G133" s="22">
        <v>1</v>
      </c>
      <c r="H133" s="22" t="s">
        <v>123</v>
      </c>
      <c r="I133" s="22" t="s">
        <v>123</v>
      </c>
      <c r="J133" s="22" t="s">
        <v>123</v>
      </c>
      <c r="K133" s="22" t="s">
        <v>123</v>
      </c>
      <c r="L133" s="77" t="s">
        <v>123</v>
      </c>
    </row>
    <row r="134" spans="3:12" x14ac:dyDescent="0.15">
      <c r="D134" s="36" t="s">
        <v>114</v>
      </c>
      <c r="E134" s="20" t="s">
        <v>15</v>
      </c>
      <c r="F134" s="20"/>
      <c r="G134" s="22">
        <v>6</v>
      </c>
      <c r="H134" s="22" t="s">
        <v>123</v>
      </c>
      <c r="I134" s="22" t="s">
        <v>123</v>
      </c>
      <c r="J134" s="22" t="s">
        <v>123</v>
      </c>
      <c r="K134" s="22" t="s">
        <v>123</v>
      </c>
      <c r="L134" s="23" t="s">
        <v>123</v>
      </c>
    </row>
    <row r="135" spans="3:12" x14ac:dyDescent="0.15">
      <c r="D135" s="36" t="s">
        <v>115</v>
      </c>
      <c r="E135" s="20" t="s">
        <v>15</v>
      </c>
      <c r="F135" s="20"/>
      <c r="G135" s="22">
        <v>8</v>
      </c>
      <c r="H135" s="47" t="s">
        <v>123</v>
      </c>
      <c r="I135" s="47" t="s">
        <v>123</v>
      </c>
      <c r="J135" s="22" t="s">
        <v>123</v>
      </c>
      <c r="K135" s="22" t="s">
        <v>123</v>
      </c>
      <c r="L135" s="23" t="s">
        <v>123</v>
      </c>
    </row>
    <row r="136" spans="3:12" x14ac:dyDescent="0.15">
      <c r="D136" s="36" t="s">
        <v>14</v>
      </c>
      <c r="E136" s="20" t="s">
        <v>15</v>
      </c>
      <c r="F136" s="20"/>
      <c r="G136" s="22">
        <v>5</v>
      </c>
      <c r="H136" s="22" t="s">
        <v>123</v>
      </c>
      <c r="I136" s="22" t="s">
        <v>123</v>
      </c>
      <c r="J136" s="22" t="s">
        <v>123</v>
      </c>
      <c r="K136" s="22" t="s">
        <v>123</v>
      </c>
      <c r="L136" s="77" t="s">
        <v>123</v>
      </c>
    </row>
    <row r="137" spans="3:12" x14ac:dyDescent="0.15">
      <c r="D137" s="36" t="s">
        <v>116</v>
      </c>
      <c r="E137" s="20" t="s">
        <v>15</v>
      </c>
      <c r="F137" s="20"/>
      <c r="G137" s="22">
        <v>2</v>
      </c>
      <c r="H137" s="22" t="s">
        <v>123</v>
      </c>
      <c r="I137" s="22" t="s">
        <v>123</v>
      </c>
      <c r="J137" s="22" t="s">
        <v>123</v>
      </c>
      <c r="K137" s="22" t="s">
        <v>123</v>
      </c>
      <c r="L137" s="77" t="s">
        <v>123</v>
      </c>
    </row>
    <row r="138" spans="3:12" x14ac:dyDescent="0.15">
      <c r="D138" s="36" t="s">
        <v>18</v>
      </c>
      <c r="E138" s="20" t="s">
        <v>15</v>
      </c>
      <c r="F138" s="20"/>
      <c r="G138" s="22">
        <v>2</v>
      </c>
      <c r="H138" s="22" t="s">
        <v>123</v>
      </c>
      <c r="I138" s="22" t="s">
        <v>123</v>
      </c>
      <c r="J138" s="22" t="s">
        <v>123</v>
      </c>
      <c r="K138" s="22" t="s">
        <v>123</v>
      </c>
      <c r="L138" s="77" t="s">
        <v>123</v>
      </c>
    </row>
    <row r="139" spans="3:12" x14ac:dyDescent="0.15">
      <c r="D139" s="36" t="s">
        <v>20</v>
      </c>
      <c r="E139" s="20" t="s">
        <v>15</v>
      </c>
      <c r="F139" s="20"/>
      <c r="G139" s="22">
        <v>14</v>
      </c>
      <c r="H139" s="22" t="s">
        <v>123</v>
      </c>
      <c r="I139" s="22" t="s">
        <v>123</v>
      </c>
      <c r="J139" s="22" t="s">
        <v>123</v>
      </c>
      <c r="K139" s="22" t="s">
        <v>123</v>
      </c>
      <c r="L139" s="77" t="s">
        <v>123</v>
      </c>
    </row>
    <row r="140" spans="3:12" x14ac:dyDescent="0.15">
      <c r="D140" s="36" t="s">
        <v>117</v>
      </c>
      <c r="E140" s="20" t="s">
        <v>15</v>
      </c>
      <c r="F140" s="20"/>
      <c r="G140" s="22">
        <v>16</v>
      </c>
      <c r="H140" s="22">
        <v>0</v>
      </c>
      <c r="I140" s="22">
        <v>1</v>
      </c>
      <c r="J140" s="22">
        <v>1</v>
      </c>
      <c r="K140" s="22">
        <v>0</v>
      </c>
      <c r="L140" s="77">
        <v>1</v>
      </c>
    </row>
    <row r="141" spans="3:12" x14ac:dyDescent="0.15">
      <c r="D141" s="36" t="s">
        <v>118</v>
      </c>
      <c r="E141" s="20" t="s">
        <v>15</v>
      </c>
      <c r="F141" s="20"/>
      <c r="G141" s="22">
        <v>11</v>
      </c>
      <c r="H141" s="22" t="s">
        <v>123</v>
      </c>
      <c r="I141" s="22" t="s">
        <v>123</v>
      </c>
      <c r="J141" s="22" t="s">
        <v>123</v>
      </c>
      <c r="K141" s="22" t="s">
        <v>123</v>
      </c>
      <c r="L141" s="77" t="s">
        <v>123</v>
      </c>
    </row>
    <row r="142" spans="3:12" x14ac:dyDescent="0.15">
      <c r="D142" s="36" t="s">
        <v>119</v>
      </c>
      <c r="E142" s="20" t="s">
        <v>15</v>
      </c>
      <c r="F142" s="20"/>
      <c r="G142" s="22">
        <v>1</v>
      </c>
      <c r="H142" s="22" t="s">
        <v>123</v>
      </c>
      <c r="I142" s="22" t="s">
        <v>123</v>
      </c>
      <c r="J142" s="22" t="s">
        <v>123</v>
      </c>
      <c r="K142" s="22" t="s">
        <v>123</v>
      </c>
      <c r="L142" s="77" t="s">
        <v>123</v>
      </c>
    </row>
    <row r="143" spans="3:12" x14ac:dyDescent="0.15">
      <c r="D143" s="36" t="s">
        <v>120</v>
      </c>
      <c r="E143" s="20" t="s">
        <v>15</v>
      </c>
      <c r="F143" s="20"/>
      <c r="G143" s="22">
        <v>13</v>
      </c>
      <c r="H143" s="22" t="s">
        <v>123</v>
      </c>
      <c r="I143" s="22" t="s">
        <v>123</v>
      </c>
      <c r="J143" s="22" t="s">
        <v>123</v>
      </c>
      <c r="K143" s="22" t="s">
        <v>123</v>
      </c>
      <c r="L143" s="77" t="s">
        <v>123</v>
      </c>
    </row>
    <row r="144" spans="3:12" x14ac:dyDescent="0.15">
      <c r="D144" s="36" t="s">
        <v>29</v>
      </c>
      <c r="E144" s="20" t="s">
        <v>15</v>
      </c>
      <c r="F144" s="20"/>
      <c r="G144" s="22">
        <v>7</v>
      </c>
      <c r="H144" s="22">
        <v>0</v>
      </c>
      <c r="I144" s="22">
        <v>1</v>
      </c>
      <c r="J144" s="22">
        <v>1</v>
      </c>
      <c r="K144" s="22">
        <v>0</v>
      </c>
      <c r="L144" s="77">
        <v>1</v>
      </c>
    </row>
    <row r="145" spans="4:12" x14ac:dyDescent="0.15">
      <c r="D145" s="36" t="s">
        <v>121</v>
      </c>
      <c r="E145" s="20" t="s">
        <v>15</v>
      </c>
      <c r="F145" s="20"/>
      <c r="G145" s="22">
        <v>3</v>
      </c>
      <c r="H145" s="22" t="s">
        <v>123</v>
      </c>
      <c r="I145" s="22" t="s">
        <v>123</v>
      </c>
      <c r="J145" s="22" t="s">
        <v>123</v>
      </c>
      <c r="K145" s="22" t="s">
        <v>123</v>
      </c>
      <c r="L145" s="77" t="s">
        <v>123</v>
      </c>
    </row>
    <row r="146" spans="4:12" x14ac:dyDescent="0.15">
      <c r="D146" s="36" t="s">
        <v>27</v>
      </c>
      <c r="E146" s="20" t="s">
        <v>15</v>
      </c>
      <c r="F146" s="20"/>
      <c r="G146" s="22">
        <v>8</v>
      </c>
      <c r="H146" s="22" t="s">
        <v>123</v>
      </c>
      <c r="I146" s="22" t="s">
        <v>123</v>
      </c>
      <c r="J146" s="22" t="s">
        <v>123</v>
      </c>
      <c r="K146" s="22" t="s">
        <v>123</v>
      </c>
      <c r="L146" s="77" t="s">
        <v>123</v>
      </c>
    </row>
    <row r="147" spans="4:12" x14ac:dyDescent="0.15">
      <c r="D147" s="19" t="s">
        <v>122</v>
      </c>
      <c r="E147" s="79" t="s">
        <v>15</v>
      </c>
      <c r="F147" s="79"/>
      <c r="G147" s="76">
        <v>12</v>
      </c>
      <c r="H147" s="22">
        <v>0</v>
      </c>
      <c r="I147" s="22">
        <v>1</v>
      </c>
      <c r="J147" s="22">
        <v>1</v>
      </c>
      <c r="K147" s="22">
        <v>0</v>
      </c>
      <c r="L147" s="77">
        <v>1</v>
      </c>
    </row>
    <row r="148" spans="4:12" x14ac:dyDescent="0.15">
      <c r="D148" s="81" t="s">
        <v>23</v>
      </c>
      <c r="E148" s="82" t="s">
        <v>15</v>
      </c>
      <c r="F148" s="82"/>
      <c r="G148" s="83">
        <v>13</v>
      </c>
      <c r="H148" s="83" t="s">
        <v>123</v>
      </c>
      <c r="I148" s="83" t="s">
        <v>123</v>
      </c>
      <c r="J148" s="83" t="s">
        <v>123</v>
      </c>
      <c r="K148" s="83" t="s">
        <v>123</v>
      </c>
      <c r="L148" s="77" t="s">
        <v>123</v>
      </c>
    </row>
    <row r="149" spans="4:12" ht="15" customHeight="1" x14ac:dyDescent="0.15">
      <c r="D149" s="84" t="s">
        <v>35</v>
      </c>
      <c r="E149" s="85"/>
      <c r="F149" s="86"/>
      <c r="G149" s="29">
        <v>124</v>
      </c>
      <c r="H149" s="29">
        <v>0</v>
      </c>
      <c r="I149" s="29">
        <v>3</v>
      </c>
      <c r="J149" s="29">
        <v>3</v>
      </c>
      <c r="K149" s="29">
        <v>0</v>
      </c>
      <c r="L149" s="30">
        <v>1</v>
      </c>
    </row>
    <row r="150" spans="4:12" ht="10.15" customHeight="1" x14ac:dyDescent="0.15"/>
    <row r="151" spans="4:12" x14ac:dyDescent="0.15">
      <c r="D151" s="87"/>
    </row>
    <row r="152" spans="4:12" x14ac:dyDescent="0.15">
      <c r="D152" s="87"/>
    </row>
  </sheetData>
  <mergeCells count="12">
    <mergeCell ref="D93:F93"/>
    <mergeCell ref="D107:F107"/>
    <mergeCell ref="D122:F122"/>
    <mergeCell ref="D128:F128"/>
    <mergeCell ref="C130:E130"/>
    <mergeCell ref="D149:F149"/>
    <mergeCell ref="C1:K1"/>
    <mergeCell ref="C4:D4"/>
    <mergeCell ref="D28:F28"/>
    <mergeCell ref="D37:F37"/>
    <mergeCell ref="D74:F74"/>
    <mergeCell ref="D85:F85"/>
  </mergeCells>
  <phoneticPr fontId="2"/>
  <printOptions horizontalCentered="1"/>
  <pageMargins left="0.59055118110236227" right="0.59055118110236227" top="0.59055118110236227" bottom="0.39370078740157483" header="0.27559055118110237" footer="0.19685039370078741"/>
  <pageSetup paperSize="9" scale="69" fitToHeight="0" orientation="portrait" r:id="rId1"/>
  <headerFooter alignWithMargins="0">
    <oddFooter>&amp;C&amp;P</oddFooter>
  </headerFooter>
  <rowBreaks count="2" manualBreakCount="2">
    <brk id="76" max="16383" man="1"/>
    <brk id="129" min="2" max="11"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cp:lastPrinted>2026-03-13T06:16:29Z</cp:lastPrinted>
  <dcterms:created xsi:type="dcterms:W3CDTF">2026-03-13T06:14:56Z</dcterms:created>
  <dcterms:modified xsi:type="dcterms:W3CDTF">2026-03-13T06:16:32Z</dcterms:modified>
</cp:coreProperties>
</file>